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建設・住宅" sheetId="1" r:id="rId1"/>
  </sheets>
  <definedNames>
    <definedName name="_xlnm.Print_Area" localSheetId="0">建設・住宅!$A$1:$AH$26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47" i="1" l="1"/>
  <c r="F47" i="1"/>
  <c r="F38" i="1" l="1"/>
  <c r="L38" i="1"/>
  <c r="Q38" i="1"/>
</calcChain>
</file>

<file path=xl/sharedStrings.xml><?xml version="1.0" encoding="utf-8"?>
<sst xmlns="http://schemas.openxmlformats.org/spreadsheetml/2006/main" count="559" uniqueCount="351">
  <si>
    <t>第１種低層住居専用地域</t>
  </si>
  <si>
    <t>第２種高度地区</t>
  </si>
  <si>
    <t>第１種中高層住居専用地域</t>
  </si>
  <si>
    <t>第３種高度地区</t>
  </si>
  <si>
    <t>第２種中高層住居専用地域</t>
  </si>
  <si>
    <t>第４種高度地区</t>
  </si>
  <si>
    <t>第１種住居地域</t>
  </si>
  <si>
    <t>第５種高度地区</t>
  </si>
  <si>
    <t>第２種住居地域</t>
  </si>
  <si>
    <t>準防火地域</t>
  </si>
  <si>
    <t>近隣商業地域</t>
  </si>
  <si>
    <t>防火地域</t>
  </si>
  <si>
    <t>準工業地域</t>
  </si>
  <si>
    <t>工業専用地域</t>
  </si>
  <si>
    <t>河川名</t>
  </si>
  <si>
    <t>流路延長（直轄区間）</t>
  </si>
  <si>
    <t>うち市域内延長</t>
  </si>
  <si>
    <t>〔　建　設　〕</t>
    <rPh sb="2" eb="5">
      <t>ケンセツ</t>
    </rPh>
    <phoneticPr fontId="2"/>
  </si>
  <si>
    <t>単位：ha</t>
    <rPh sb="0" eb="2">
      <t>タンイ</t>
    </rPh>
    <phoneticPr fontId="2"/>
  </si>
  <si>
    <t>区分</t>
    <rPh sb="0" eb="2">
      <t>クブン</t>
    </rPh>
    <phoneticPr fontId="2"/>
  </si>
  <si>
    <r>
      <t>２．地域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地区</t>
    </r>
    <rPh sb="2" eb="4">
      <t>チイキ</t>
    </rPh>
    <rPh sb="5" eb="7">
      <t>チク</t>
    </rPh>
    <phoneticPr fontId="2"/>
  </si>
  <si>
    <t>３．道路の状況</t>
    <rPh sb="2" eb="4">
      <t>ドウロ</t>
    </rPh>
    <rPh sb="5" eb="7">
      <t>ジョウキョウ</t>
    </rPh>
    <phoneticPr fontId="2"/>
  </si>
  <si>
    <t>総数</t>
    <rPh sb="0" eb="2">
      <t>ソウスウ</t>
    </rPh>
    <phoneticPr fontId="2"/>
  </si>
  <si>
    <t>４．橋梁の状況</t>
    <rPh sb="2" eb="4">
      <t>キョウリョウ</t>
    </rPh>
    <rPh sb="5" eb="7">
      <t>ジョウキョウ</t>
    </rPh>
    <phoneticPr fontId="2"/>
  </si>
  <si>
    <t>単位：箇所、ｍ</t>
    <rPh sb="0" eb="2">
      <t>タンイ</t>
    </rPh>
    <rPh sb="3" eb="5">
      <t>カショ</t>
    </rPh>
    <phoneticPr fontId="2"/>
  </si>
  <si>
    <t>（１）公園数</t>
    <rPh sb="3" eb="4">
      <t>オオヤケ</t>
    </rPh>
    <rPh sb="4" eb="5">
      <t>エン</t>
    </rPh>
    <rPh sb="5" eb="6">
      <t>スウ</t>
    </rPh>
    <phoneticPr fontId="2"/>
  </si>
  <si>
    <t>単位：箇所</t>
    <rPh sb="0" eb="2">
      <t>タンイ</t>
    </rPh>
    <rPh sb="3" eb="5">
      <t>カショ</t>
    </rPh>
    <phoneticPr fontId="2"/>
  </si>
  <si>
    <t>都　　　市　　　公　　　園</t>
    <rPh sb="0" eb="5">
      <t>トシ</t>
    </rPh>
    <rPh sb="8" eb="13">
      <t>コウエン</t>
    </rPh>
    <phoneticPr fontId="2"/>
  </si>
  <si>
    <t>計</t>
    <rPh sb="0" eb="1">
      <t>ケイ</t>
    </rPh>
    <phoneticPr fontId="2"/>
  </si>
  <si>
    <t>緑　道</t>
    <rPh sb="0" eb="1">
      <t>リョク</t>
    </rPh>
    <rPh sb="2" eb="3">
      <t>ドウ</t>
    </rPh>
    <phoneticPr fontId="2"/>
  </si>
  <si>
    <t>緑　地</t>
    <rPh sb="0" eb="3">
      <t>リョクチ</t>
    </rPh>
    <phoneticPr fontId="2"/>
  </si>
  <si>
    <t>地域</t>
    <rPh sb="0" eb="2">
      <t>チイキ</t>
    </rPh>
    <phoneticPr fontId="2"/>
  </si>
  <si>
    <t>資料：施設管理課</t>
    <rPh sb="0" eb="2">
      <t>シリョウ</t>
    </rPh>
    <rPh sb="3" eb="5">
      <t>シセツ</t>
    </rPh>
    <rPh sb="5" eb="7">
      <t>カンリ</t>
    </rPh>
    <rPh sb="7" eb="8">
      <t>カ</t>
    </rPh>
    <phoneticPr fontId="2"/>
  </si>
  <si>
    <t>単位：㎞</t>
    <rPh sb="0" eb="2">
      <t>タンイ</t>
    </rPh>
    <phoneticPr fontId="2"/>
  </si>
  <si>
    <t>（２）府管理河川</t>
    <rPh sb="3" eb="4">
      <t>フ</t>
    </rPh>
    <rPh sb="4" eb="6">
      <t>カンリ</t>
    </rPh>
    <rPh sb="6" eb="8">
      <t>カセン</t>
    </rPh>
    <phoneticPr fontId="2"/>
  </si>
  <si>
    <t>河川名</t>
    <rPh sb="0" eb="2">
      <t>カセン</t>
    </rPh>
    <rPh sb="2" eb="3">
      <t>メイ</t>
    </rPh>
    <phoneticPr fontId="2"/>
  </si>
  <si>
    <t>流路延長</t>
    <rPh sb="0" eb="2">
      <t>リュウロ</t>
    </rPh>
    <rPh sb="2" eb="4">
      <t>エンチョウ</t>
    </rPh>
    <phoneticPr fontId="2"/>
  </si>
  <si>
    <t>普賢寺川</t>
    <rPh sb="0" eb="3">
      <t>フゲンジ</t>
    </rPh>
    <rPh sb="3" eb="4">
      <t>カワ</t>
    </rPh>
    <phoneticPr fontId="2"/>
  </si>
  <si>
    <t>馬坂川</t>
    <rPh sb="0" eb="1">
      <t>ウマ</t>
    </rPh>
    <rPh sb="1" eb="2">
      <t>サカ</t>
    </rPh>
    <rPh sb="2" eb="3">
      <t>カワ</t>
    </rPh>
    <phoneticPr fontId="2"/>
  </si>
  <si>
    <t>大谷川</t>
    <rPh sb="0" eb="2">
      <t>オオタニ</t>
    </rPh>
    <rPh sb="2" eb="3">
      <t>ガワ</t>
    </rPh>
    <phoneticPr fontId="2"/>
  </si>
  <si>
    <t>遠藤川</t>
    <rPh sb="0" eb="2">
      <t>エンドウ</t>
    </rPh>
    <rPh sb="2" eb="3">
      <t>カワ</t>
    </rPh>
    <phoneticPr fontId="2"/>
  </si>
  <si>
    <t>天津神川</t>
    <rPh sb="0" eb="2">
      <t>テンシン</t>
    </rPh>
    <rPh sb="2" eb="3">
      <t>カミ</t>
    </rPh>
    <rPh sb="3" eb="4">
      <t>カワ</t>
    </rPh>
    <phoneticPr fontId="2"/>
  </si>
  <si>
    <t>鬼灯川</t>
    <rPh sb="0" eb="1">
      <t>オニ</t>
    </rPh>
    <rPh sb="1" eb="2">
      <t>ヒ</t>
    </rPh>
    <rPh sb="2" eb="3">
      <t>カワ</t>
    </rPh>
    <phoneticPr fontId="2"/>
  </si>
  <si>
    <t>防賀川</t>
    <rPh sb="0" eb="1">
      <t>ボウ</t>
    </rPh>
    <rPh sb="1" eb="2">
      <t>ガ</t>
    </rPh>
    <rPh sb="2" eb="3">
      <t>カワ</t>
    </rPh>
    <phoneticPr fontId="2"/>
  </si>
  <si>
    <t>手原川</t>
    <rPh sb="0" eb="2">
      <t>テハラ</t>
    </rPh>
    <rPh sb="2" eb="3">
      <t>カワ</t>
    </rPh>
    <phoneticPr fontId="2"/>
  </si>
  <si>
    <t>資料：府山城北土木事務所</t>
    <rPh sb="0" eb="2">
      <t>シリョウ</t>
    </rPh>
    <rPh sb="3" eb="4">
      <t>フ</t>
    </rPh>
    <rPh sb="4" eb="6">
      <t>ヤマシロ</t>
    </rPh>
    <rPh sb="6" eb="7">
      <t>キタ</t>
    </rPh>
    <rPh sb="7" eb="9">
      <t>ドボク</t>
    </rPh>
    <rPh sb="9" eb="12">
      <t>ジムショ</t>
    </rPh>
    <phoneticPr fontId="2"/>
  </si>
  <si>
    <t>〔　住　宅　〕</t>
    <rPh sb="2" eb="5">
      <t>ジュウタク</t>
    </rPh>
    <phoneticPr fontId="2"/>
  </si>
  <si>
    <t>９．公営住宅戸数</t>
    <rPh sb="2" eb="4">
      <t>コウエイ</t>
    </rPh>
    <rPh sb="4" eb="6">
      <t>ジュウタク</t>
    </rPh>
    <rPh sb="6" eb="8">
      <t>コスウ</t>
    </rPh>
    <phoneticPr fontId="2"/>
  </si>
  <si>
    <t>単位：戸</t>
    <rPh sb="0" eb="2">
      <t>タンイ</t>
    </rPh>
    <rPh sb="3" eb="4">
      <t>ト</t>
    </rPh>
    <phoneticPr fontId="2"/>
  </si>
  <si>
    <t>総　数</t>
    <rPh sb="0" eb="3">
      <t>ソウスウ</t>
    </rPh>
    <phoneticPr fontId="2"/>
  </si>
  <si>
    <t>（２）府営住宅</t>
    <rPh sb="3" eb="5">
      <t>フエイ</t>
    </rPh>
    <rPh sb="5" eb="7">
      <t>ジュウタク</t>
    </rPh>
    <phoneticPr fontId="2"/>
  </si>
  <si>
    <t>田　辺</t>
    <rPh sb="0" eb="3">
      <t>タナベ</t>
    </rPh>
    <phoneticPr fontId="2"/>
  </si>
  <si>
    <t>興　戸</t>
    <rPh sb="0" eb="3">
      <t>コウド</t>
    </rPh>
    <phoneticPr fontId="2"/>
  </si>
  <si>
    <r>
      <t>１０．種類別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構造別住宅数</t>
    </r>
    <rPh sb="3" eb="6">
      <t>シュルイベツ</t>
    </rPh>
    <rPh sb="7" eb="10">
      <t>コウゾウベツ</t>
    </rPh>
    <rPh sb="10" eb="12">
      <t>ジュウタク</t>
    </rPh>
    <rPh sb="12" eb="13">
      <t>スウ</t>
    </rPh>
    <phoneticPr fontId="2"/>
  </si>
  <si>
    <t>（各年１０月１日現在調）</t>
    <rPh sb="1" eb="3">
      <t>カクネン</t>
    </rPh>
    <rPh sb="5" eb="6">
      <t>ガツ</t>
    </rPh>
    <phoneticPr fontId="2"/>
  </si>
  <si>
    <t>住宅総数</t>
    <rPh sb="0" eb="2">
      <t>ジュウタク</t>
    </rPh>
    <rPh sb="2" eb="4">
      <t>ソウスウ</t>
    </rPh>
    <phoneticPr fontId="2"/>
  </si>
  <si>
    <t>専用住宅</t>
    <rPh sb="0" eb="2">
      <t>センヨウ</t>
    </rPh>
    <rPh sb="2" eb="4">
      <t>ジュウタク</t>
    </rPh>
    <phoneticPr fontId="2"/>
  </si>
  <si>
    <t>非木造</t>
    <rPh sb="0" eb="3">
      <t>ヒモクゾウ</t>
    </rPh>
    <phoneticPr fontId="2"/>
  </si>
  <si>
    <t>平成</t>
    <rPh sb="0" eb="2">
      <t>ヘイセイ</t>
    </rPh>
    <phoneticPr fontId="2"/>
  </si>
  <si>
    <t>注２　非木造とは、鉄筋・鉄骨コンクリート造、鉄骨造、その他をいう。</t>
    <rPh sb="0" eb="1">
      <t>チュウ</t>
    </rPh>
    <rPh sb="3" eb="4">
      <t>ヒ</t>
    </rPh>
    <rPh sb="4" eb="6">
      <t>モクゾウ</t>
    </rPh>
    <rPh sb="9" eb="11">
      <t>テッキン</t>
    </rPh>
    <rPh sb="12" eb="14">
      <t>テッコツ</t>
    </rPh>
    <rPh sb="20" eb="21">
      <t>ツク</t>
    </rPh>
    <rPh sb="22" eb="24">
      <t>テッコツ</t>
    </rPh>
    <rPh sb="24" eb="25">
      <t>ツク</t>
    </rPh>
    <rPh sb="28" eb="29">
      <t>タ</t>
    </rPh>
    <phoneticPr fontId="2"/>
  </si>
  <si>
    <t>１１．住宅の種類・所有の関係別居住状況</t>
    <rPh sb="3" eb="5">
      <t>ジュウタク</t>
    </rPh>
    <rPh sb="6" eb="15">
      <t>シュルイベツ</t>
    </rPh>
    <rPh sb="15" eb="17">
      <t>キョジュウ</t>
    </rPh>
    <rPh sb="17" eb="19">
      <t>ジョウキョウ</t>
    </rPh>
    <phoneticPr fontId="2"/>
  </si>
  <si>
    <t>住宅数</t>
    <rPh sb="0" eb="2">
      <t>ジュウタク</t>
    </rPh>
    <rPh sb="2" eb="3">
      <t>スウ</t>
    </rPh>
    <phoneticPr fontId="2"/>
  </si>
  <si>
    <t>世帯数</t>
    <rPh sb="0" eb="3">
      <t>セタイスウ</t>
    </rPh>
    <phoneticPr fontId="2"/>
  </si>
  <si>
    <t>世帯人員</t>
    <rPh sb="0" eb="2">
      <t>セタイ</t>
    </rPh>
    <rPh sb="2" eb="4">
      <t>ジンイン</t>
    </rPh>
    <phoneticPr fontId="2"/>
  </si>
  <si>
    <t>１住宅当たり</t>
    <rPh sb="1" eb="3">
      <t>ジュウタク</t>
    </rPh>
    <rPh sb="3" eb="4">
      <t>ア</t>
    </rPh>
    <phoneticPr fontId="2"/>
  </si>
  <si>
    <t>１人当たり 畳 数</t>
    <rPh sb="1" eb="2">
      <t>ニン</t>
    </rPh>
    <rPh sb="2" eb="3">
      <t>ア</t>
    </rPh>
    <rPh sb="6" eb="7">
      <t>タタミ</t>
    </rPh>
    <rPh sb="8" eb="9">
      <t>カズ</t>
    </rPh>
    <phoneticPr fontId="2"/>
  </si>
  <si>
    <t>１室当たり 人 員</t>
    <rPh sb="1" eb="2">
      <t>シツ</t>
    </rPh>
    <rPh sb="2" eb="3">
      <t>ア</t>
    </rPh>
    <rPh sb="6" eb="9">
      <t>ジンイン</t>
    </rPh>
    <phoneticPr fontId="2"/>
  </si>
  <si>
    <t>居住室数</t>
    <rPh sb="0" eb="2">
      <t>キョジュウ</t>
    </rPh>
    <rPh sb="2" eb="4">
      <t>シツスウ</t>
    </rPh>
    <phoneticPr fontId="2"/>
  </si>
  <si>
    <t>畳　数</t>
    <rPh sb="0" eb="1">
      <t>タタミ</t>
    </rPh>
    <rPh sb="2" eb="3">
      <t>スウ</t>
    </rPh>
    <phoneticPr fontId="2"/>
  </si>
  <si>
    <t>延べ面積</t>
    <rPh sb="0" eb="1">
      <t>ノ</t>
    </rPh>
    <rPh sb="2" eb="4">
      <t>メンセキ</t>
    </rPh>
    <phoneticPr fontId="2"/>
  </si>
  <si>
    <t>（戸）</t>
    <rPh sb="1" eb="2">
      <t>ト</t>
    </rPh>
    <phoneticPr fontId="2"/>
  </si>
  <si>
    <t>（世帯）</t>
    <rPh sb="1" eb="3">
      <t>セタイ</t>
    </rPh>
    <phoneticPr fontId="2"/>
  </si>
  <si>
    <t>（人）</t>
    <rPh sb="1" eb="2">
      <t>ニン</t>
    </rPh>
    <phoneticPr fontId="2"/>
  </si>
  <si>
    <t>（室）</t>
    <rPh sb="1" eb="2">
      <t>シツ</t>
    </rPh>
    <phoneticPr fontId="2"/>
  </si>
  <si>
    <t>（畳）</t>
    <rPh sb="1" eb="2">
      <t>タタミ</t>
    </rPh>
    <phoneticPr fontId="2"/>
  </si>
  <si>
    <r>
      <t>１２．住宅の種類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構造、建築の時期別住宅数</t>
    </r>
    <rPh sb="3" eb="5">
      <t>ジュウタク</t>
    </rPh>
    <rPh sb="6" eb="21">
      <t>シュルイベツ</t>
    </rPh>
    <phoneticPr fontId="2"/>
  </si>
  <si>
    <t>建築時期</t>
    <rPh sb="0" eb="2">
      <t>ケンチク</t>
    </rPh>
    <rPh sb="2" eb="4">
      <t>ジキ</t>
    </rPh>
    <phoneticPr fontId="2"/>
  </si>
  <si>
    <t>総　数</t>
    <rPh sb="0" eb="1">
      <t>フサ</t>
    </rPh>
    <rPh sb="2" eb="3">
      <t>カズ</t>
    </rPh>
    <phoneticPr fontId="2"/>
  </si>
  <si>
    <t>住宅の                               種類・構造</t>
    <rPh sb="0" eb="2">
      <t>ジュウタク</t>
    </rPh>
    <rPh sb="34" eb="36">
      <t>シュルイ</t>
    </rPh>
    <rPh sb="37" eb="39">
      <t>コウゾウ</t>
    </rPh>
    <phoneticPr fontId="2"/>
  </si>
  <si>
    <t>（住宅の種類）</t>
    <rPh sb="1" eb="3">
      <t>ジュウタク</t>
    </rPh>
    <rPh sb="4" eb="6">
      <t>シュルイ</t>
    </rPh>
    <phoneticPr fontId="2"/>
  </si>
  <si>
    <t>（構造）</t>
    <rPh sb="1" eb="3">
      <t>コウゾウ</t>
    </rPh>
    <phoneticPr fontId="2"/>
  </si>
  <si>
    <t>木造</t>
    <rPh sb="0" eb="2">
      <t>モクゾウ</t>
    </rPh>
    <phoneticPr fontId="2"/>
  </si>
  <si>
    <t>非木造</t>
    <rPh sb="0" eb="1">
      <t>ヒ</t>
    </rPh>
    <rPh sb="1" eb="3">
      <t>モクゾウ</t>
    </rPh>
    <phoneticPr fontId="2"/>
  </si>
  <si>
    <t>単位：件</t>
    <rPh sb="0" eb="2">
      <t>タンイ</t>
    </rPh>
    <rPh sb="3" eb="4">
      <t>ケン</t>
    </rPh>
    <phoneticPr fontId="2"/>
  </si>
  <si>
    <t>資料：消防本部</t>
    <rPh sb="0" eb="2">
      <t>シリョウ</t>
    </rPh>
    <rPh sb="3" eb="5">
      <t>ショウボウ</t>
    </rPh>
    <rPh sb="5" eb="7">
      <t>ホンブ</t>
    </rPh>
    <phoneticPr fontId="2"/>
  </si>
  <si>
    <t>（各年１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単位：棟、㎡</t>
    <rPh sb="0" eb="2">
      <t>タンイ</t>
    </rPh>
    <rPh sb="3" eb="4">
      <t>ムネ</t>
    </rPh>
    <phoneticPr fontId="2"/>
  </si>
  <si>
    <t>資料：税務課</t>
    <rPh sb="0" eb="2">
      <t>シリョウ</t>
    </rPh>
    <rPh sb="3" eb="5">
      <t>ゼイム</t>
    </rPh>
    <rPh sb="5" eb="6">
      <t>カ</t>
    </rPh>
    <phoneticPr fontId="2"/>
  </si>
  <si>
    <t>〔　地　価　〕</t>
    <rPh sb="2" eb="5">
      <t>チカ</t>
    </rPh>
    <phoneticPr fontId="2"/>
  </si>
  <si>
    <t>単位：円</t>
    <rPh sb="0" eb="2">
      <t>タンイ</t>
    </rPh>
    <rPh sb="3" eb="4">
      <t>エン</t>
    </rPh>
    <phoneticPr fontId="2"/>
  </si>
  <si>
    <t>（各年７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区分</t>
  </si>
  <si>
    <t>都市計画区域</t>
  </si>
  <si>
    <t>都市計画区域外</t>
  </si>
  <si>
    <t>市街化区域</t>
  </si>
  <si>
    <t>市街化調整区域</t>
  </si>
  <si>
    <t>指定面積</t>
  </si>
  <si>
    <t>約</t>
  </si>
  <si>
    <t>用途地域</t>
  </si>
  <si>
    <t>高度地区</t>
  </si>
  <si>
    <t>第１種高度地区</t>
  </si>
  <si>
    <t>第２種低層住居専用地域</t>
  </si>
  <si>
    <t>商業地域</t>
  </si>
  <si>
    <t>工業地域</t>
  </si>
  <si>
    <t>街　区
公　園</t>
    <rPh sb="0" eb="1">
      <t>ガイ</t>
    </rPh>
    <rPh sb="2" eb="3">
      <t>ク</t>
    </rPh>
    <rPh sb="4" eb="7">
      <t>コウエン</t>
    </rPh>
    <phoneticPr fontId="2"/>
  </si>
  <si>
    <t>近　隣
公　園</t>
    <rPh sb="0" eb="3">
      <t>キンリン</t>
    </rPh>
    <rPh sb="4" eb="7">
      <t>コウエン</t>
    </rPh>
    <phoneticPr fontId="2"/>
  </si>
  <si>
    <t>総　合
公　園</t>
    <rPh sb="0" eb="3">
      <t>ソウゴウ</t>
    </rPh>
    <rPh sb="4" eb="7">
      <t>コウエン</t>
    </rPh>
    <phoneticPr fontId="2"/>
  </si>
  <si>
    <t>運　動
公　園</t>
    <rPh sb="0" eb="3">
      <t>ウンドウ</t>
    </rPh>
    <rPh sb="4" eb="7">
      <t>コウエン</t>
    </rPh>
    <phoneticPr fontId="2"/>
  </si>
  <si>
    <t>全体計画面積</t>
  </si>
  <si>
    <t>認可面積</t>
  </si>
  <si>
    <t>処理面積</t>
  </si>
  <si>
    <t>総人口</t>
  </si>
  <si>
    <t>処理人口</t>
  </si>
  <si>
    <t>資料：下水道課</t>
  </si>
  <si>
    <t>本　数</t>
  </si>
  <si>
    <t>延　長　（㎞）</t>
  </si>
  <si>
    <t>排水面積　（ha）</t>
  </si>
  <si>
    <t>流路延長</t>
  </si>
  <si>
    <t>松井仲ノ谷川</t>
  </si>
  <si>
    <t>古森川</t>
  </si>
  <si>
    <t>大谷川</t>
  </si>
  <si>
    <t>虚空蔵谷川</t>
  </si>
  <si>
    <t>駒ヶ谷川</t>
  </si>
  <si>
    <t>黒田川</t>
  </si>
  <si>
    <t>責谷川</t>
  </si>
  <si>
    <t>遠藤川</t>
  </si>
  <si>
    <t>手原川</t>
  </si>
  <si>
    <t>名松川</t>
  </si>
  <si>
    <t>竜王谷川</t>
  </si>
  <si>
    <t>天津神川</t>
  </si>
  <si>
    <t>仲ノ谷川</t>
  </si>
  <si>
    <t>直田川</t>
  </si>
  <si>
    <t>馬坂川</t>
  </si>
  <si>
    <t>池田川</t>
  </si>
  <si>
    <t>宇頭城川</t>
  </si>
  <si>
    <t>池ノ谷川</t>
  </si>
  <si>
    <t>平田川</t>
  </si>
  <si>
    <t>西光明谷川</t>
  </si>
  <si>
    <t>柏原川</t>
  </si>
  <si>
    <t>防賀川</t>
  </si>
  <si>
    <t>鬼灯川</t>
  </si>
  <si>
    <t>井路川</t>
  </si>
  <si>
    <t>普賢寺川</t>
  </si>
  <si>
    <t>吉原川</t>
  </si>
  <si>
    <t>口北谷川</t>
  </si>
  <si>
    <t>上白光田川</t>
  </si>
  <si>
    <t>舞ヶ辻川</t>
  </si>
  <si>
    <t>錆川</t>
  </si>
  <si>
    <t>打田川</t>
  </si>
  <si>
    <t>年度</t>
  </si>
  <si>
    <t>用途別</t>
  </si>
  <si>
    <t>公会堂・集会所</t>
  </si>
  <si>
    <t>遊技場</t>
  </si>
  <si>
    <t>料理店</t>
  </si>
  <si>
    <t>飲食店</t>
  </si>
  <si>
    <t>マーケット・店舗等</t>
  </si>
  <si>
    <t>旅館・ホテル</t>
  </si>
  <si>
    <t>病院・診療所</t>
  </si>
  <si>
    <t>老人・児童福祉施設</t>
  </si>
  <si>
    <t>幼稚園</t>
  </si>
  <si>
    <t>小・中・高・大学</t>
  </si>
  <si>
    <t>公衆浴場</t>
  </si>
  <si>
    <t>車両の停車場</t>
  </si>
  <si>
    <t>神社・寺院・教会</t>
  </si>
  <si>
    <t>倉庫</t>
  </si>
  <si>
    <t>重要文化財建造物</t>
  </si>
  <si>
    <t>その他</t>
  </si>
  <si>
    <t>住宅</t>
  </si>
  <si>
    <t>用途</t>
  </si>
  <si>
    <t>棟　数</t>
  </si>
  <si>
    <t>面　積</t>
  </si>
  <si>
    <t>課税家屋</t>
  </si>
  <si>
    <t>木　造</t>
  </si>
  <si>
    <t>住　宅</t>
  </si>
  <si>
    <t>事務所・店舗</t>
  </si>
  <si>
    <t>工場・倉庫</t>
  </si>
  <si>
    <t>非木造</t>
  </si>
  <si>
    <t>免税点未満の家屋</t>
  </si>
  <si>
    <t>標準地１㎡当たりの価格</t>
  </si>
  <si>
    <t>標準地の所在</t>
  </si>
  <si>
    <t>花住坂三丁目１９番１１</t>
  </si>
  <si>
    <t>草内八田１６番３８</t>
  </si>
  <si>
    <t>田辺蕪木２２番２７</t>
  </si>
  <si>
    <t>大住仲ノ谷２番１０２</t>
  </si>
  <si>
    <t>大住ケ丘四丁目２３番９</t>
  </si>
  <si>
    <t>三山木七瀬川３番１６</t>
  </si>
  <si>
    <t>薪岸ノ下３番２９</t>
  </si>
  <si>
    <t>薪畠５５番３</t>
  </si>
  <si>
    <t>興戸御垣内８番２５</t>
  </si>
  <si>
    <t>大住関屋９番１６</t>
  </si>
  <si>
    <t>東鍵田１８番７４</t>
  </si>
  <si>
    <t>三山木八反坪５１番４</t>
  </si>
  <si>
    <t>商業区域</t>
  </si>
  <si>
    <t>大住東村１９番１外</t>
  </si>
  <si>
    <t>資料：施設管理課</t>
  </si>
  <si>
    <t>基準地の所在</t>
  </si>
  <si>
    <t>田辺中央五丁目１番４</t>
  </si>
  <si>
    <t>木津川</t>
  </si>
  <si>
    <t>店舗 その他の
併  用  住  宅</t>
    <rPh sb="0" eb="2">
      <t>テンポ</t>
    </rPh>
    <rPh sb="3" eb="6">
      <t>ソノタ</t>
    </rPh>
    <rPh sb="8" eb="9">
      <t>ヘイ</t>
    </rPh>
    <rPh sb="11" eb="12">
      <t>ヨウ</t>
    </rPh>
    <rPh sb="14" eb="15">
      <t>ジュウ</t>
    </rPh>
    <rPh sb="17" eb="18">
      <t>タク</t>
    </rPh>
    <phoneticPr fontId="2"/>
  </si>
  <si>
    <t>道路延長</t>
    <rPh sb="0" eb="2">
      <t>ドウロ</t>
    </rPh>
    <rPh sb="2" eb="4">
      <t>エンチョウ</t>
    </rPh>
    <phoneticPr fontId="2"/>
  </si>
  <si>
    <t>うち舗装面積</t>
    <rPh sb="2" eb="4">
      <t>ホソウ</t>
    </rPh>
    <rPh sb="4" eb="6">
      <t>メンセキ</t>
    </rPh>
    <phoneticPr fontId="2"/>
  </si>
  <si>
    <t>道路面積</t>
    <rPh sb="0" eb="2">
      <t>ドウロ</t>
    </rPh>
    <rPh sb="2" eb="4">
      <t>メンセキ</t>
    </rPh>
    <phoneticPr fontId="2"/>
  </si>
  <si>
    <t>橋梁数</t>
    <rPh sb="0" eb="2">
      <t>キョウリョウ</t>
    </rPh>
    <rPh sb="2" eb="3">
      <t>スウ</t>
    </rPh>
    <phoneticPr fontId="2"/>
  </si>
  <si>
    <t>延長</t>
    <rPh sb="0" eb="2">
      <t>エンチョウ</t>
    </rPh>
    <phoneticPr fontId="2"/>
  </si>
  <si>
    <t>年</t>
    <rPh sb="0" eb="1">
      <t>トシ</t>
    </rPh>
    <phoneticPr fontId="2"/>
  </si>
  <si>
    <t>-</t>
  </si>
  <si>
    <t>国　　道</t>
    <rPh sb="0" eb="1">
      <t>クニ</t>
    </rPh>
    <rPh sb="3" eb="4">
      <t>ミチ</t>
    </rPh>
    <phoneticPr fontId="2"/>
  </si>
  <si>
    <t>府　　道</t>
    <rPh sb="0" eb="1">
      <t>フ</t>
    </rPh>
    <rPh sb="3" eb="4">
      <t>ドウ</t>
    </rPh>
    <phoneticPr fontId="2"/>
  </si>
  <si>
    <t>資料：総務室（住宅・土地統計調査）</t>
    <rPh sb="0" eb="2">
      <t>シリョウ</t>
    </rPh>
    <rPh sb="7" eb="9">
      <t>ジュウタク</t>
    </rPh>
    <rPh sb="10" eb="12">
      <t>トチ</t>
    </rPh>
    <rPh sb="12" eb="14">
      <t>トウケイ</t>
    </rPh>
    <rPh sb="14" eb="16">
      <t>チョウサ</t>
    </rPh>
    <phoneticPr fontId="2"/>
  </si>
  <si>
    <t>都市公園以外の
公　　　園</t>
    <rPh sb="0" eb="2">
      <t>トシ</t>
    </rPh>
    <rPh sb="2" eb="4">
      <t>コウエン</t>
    </rPh>
    <rPh sb="4" eb="6">
      <t>イガイ</t>
    </rPh>
    <rPh sb="8" eb="9">
      <t>コウ</t>
    </rPh>
    <rPh sb="12" eb="13">
      <t>エン</t>
    </rPh>
    <phoneticPr fontId="2"/>
  </si>
  <si>
    <t>資料：府山城北土木事務所、施設管理課</t>
    <rPh sb="0" eb="2">
      <t>シリョウ</t>
    </rPh>
    <rPh sb="3" eb="4">
      <t>フ</t>
    </rPh>
    <rPh sb="4" eb="6">
      <t>ヤマシロ</t>
    </rPh>
    <rPh sb="6" eb="7">
      <t>キタ</t>
    </rPh>
    <rPh sb="7" eb="9">
      <t>ドボク</t>
    </rPh>
    <rPh sb="9" eb="12">
      <t>ジムショ</t>
    </rPh>
    <rPh sb="13" eb="15">
      <t>シセツ</t>
    </rPh>
    <rPh sb="15" eb="18">
      <t>カンリカ</t>
    </rPh>
    <phoneticPr fontId="2"/>
  </si>
  <si>
    <t>総　　　　数</t>
    <rPh sb="0" eb="1">
      <t>フサ</t>
    </rPh>
    <rPh sb="5" eb="6">
      <t>カズ</t>
    </rPh>
    <phoneticPr fontId="2"/>
  </si>
  <si>
    <t>持　ち　家</t>
    <rPh sb="0" eb="1">
      <t>モチ</t>
    </rPh>
    <rPh sb="4" eb="5">
      <t>イエ</t>
    </rPh>
    <phoneticPr fontId="2"/>
  </si>
  <si>
    <t>借　　　家</t>
    <rPh sb="0" eb="1">
      <t>シャクヤ</t>
    </rPh>
    <rPh sb="4" eb="5">
      <t>イエ</t>
    </rPh>
    <phoneticPr fontId="2"/>
  </si>
  <si>
    <t>専 用 住 宅</t>
    <rPh sb="0" eb="1">
      <t>アツム</t>
    </rPh>
    <rPh sb="2" eb="3">
      <t>ヨウ</t>
    </rPh>
    <rPh sb="4" eb="5">
      <t>ジュウ</t>
    </rPh>
    <rPh sb="6" eb="7">
      <t>タク</t>
    </rPh>
    <phoneticPr fontId="2"/>
  </si>
  <si>
    <t>店舗 その他
の併用住宅</t>
    <rPh sb="0" eb="2">
      <t>テンポ</t>
    </rPh>
    <rPh sb="3" eb="6">
      <t>ソノタ</t>
    </rPh>
    <rPh sb="8" eb="10">
      <t>ヘイヨウ</t>
    </rPh>
    <rPh sb="10" eb="12">
      <t>ジュウタク</t>
    </rPh>
    <phoneticPr fontId="2"/>
  </si>
  <si>
    <t>店舗その他
の併用住宅</t>
    <rPh sb="0" eb="2">
      <t>テンポ</t>
    </rPh>
    <rPh sb="2" eb="5">
      <t>ソノタ</t>
    </rPh>
    <rPh sb="7" eb="9">
      <t>ヘイヨウ</t>
    </rPh>
    <rPh sb="9" eb="11">
      <t>ジュウタク</t>
    </rPh>
    <phoneticPr fontId="2"/>
  </si>
  <si>
    <t>専用住宅</t>
    <rPh sb="0" eb="1">
      <t>アツム</t>
    </rPh>
    <rPh sb="1" eb="2">
      <t>ヨウ</t>
    </rPh>
    <rPh sb="2" eb="3">
      <t>ジュウ</t>
    </rPh>
    <rPh sb="3" eb="4">
      <t>タク</t>
    </rPh>
    <phoneticPr fontId="2"/>
  </si>
  <si>
    <t>総　数</t>
  </si>
  <si>
    <t>大住</t>
  </si>
  <si>
    <t>興戸</t>
  </si>
  <si>
    <t>南山</t>
  </si>
  <si>
    <t>西羅</t>
  </si>
  <si>
    <t>谷ノ上</t>
  </si>
  <si>
    <t>（㎡）</t>
    <phoneticPr fontId="2"/>
  </si>
  <si>
    <t>地区計画</t>
    <rPh sb="0" eb="2">
      <t>チク</t>
    </rPh>
    <rPh sb="2" eb="4">
      <t>ケイカク</t>
    </rPh>
    <phoneticPr fontId="2"/>
  </si>
  <si>
    <t>田辺地区</t>
    <rPh sb="0" eb="2">
      <t>タナベ</t>
    </rPh>
    <rPh sb="2" eb="4">
      <t>チク</t>
    </rPh>
    <phoneticPr fontId="2"/>
  </si>
  <si>
    <t>花住坂地区</t>
    <rPh sb="0" eb="3">
      <t>カスミザカ</t>
    </rPh>
    <rPh sb="3" eb="5">
      <t>チク</t>
    </rPh>
    <phoneticPr fontId="2"/>
  </si>
  <si>
    <t>約</t>
    <phoneticPr fontId="2"/>
  </si>
  <si>
    <t>松井山手地区</t>
    <rPh sb="0" eb="2">
      <t>マツイ</t>
    </rPh>
    <rPh sb="2" eb="4">
      <t>ヤマテ</t>
    </rPh>
    <rPh sb="4" eb="6">
      <t>チク</t>
    </rPh>
    <phoneticPr fontId="2"/>
  </si>
  <si>
    <t>田辺北工業地区</t>
    <rPh sb="0" eb="2">
      <t>タナベ</t>
    </rPh>
    <rPh sb="2" eb="3">
      <t>キタ</t>
    </rPh>
    <rPh sb="3" eb="5">
      <t>コウギョウ</t>
    </rPh>
    <rPh sb="5" eb="7">
      <t>チク</t>
    </rPh>
    <phoneticPr fontId="2"/>
  </si>
  <si>
    <t>田辺西工業地区</t>
    <rPh sb="0" eb="2">
      <t>タナベ</t>
    </rPh>
    <rPh sb="2" eb="3">
      <t>ニシ</t>
    </rPh>
    <rPh sb="3" eb="5">
      <t>コウギョウ</t>
    </rPh>
    <rPh sb="5" eb="7">
      <t>チク</t>
    </rPh>
    <phoneticPr fontId="2"/>
  </si>
  <si>
    <t>仲ノ谷地区</t>
    <rPh sb="0" eb="1">
      <t>ナカ</t>
    </rPh>
    <rPh sb="2" eb="3">
      <t>タニ</t>
    </rPh>
    <rPh sb="3" eb="5">
      <t>チク</t>
    </rPh>
    <phoneticPr fontId="2"/>
  </si>
  <si>
    <t>西窪地区</t>
    <rPh sb="0" eb="2">
      <t>ニシクボ</t>
    </rPh>
    <rPh sb="2" eb="4">
      <t>チク</t>
    </rPh>
    <phoneticPr fontId="2"/>
  </si>
  <si>
    <t>中島地区</t>
    <rPh sb="0" eb="2">
      <t>ナカジマ</t>
    </rPh>
    <rPh sb="2" eb="4">
      <t>チク</t>
    </rPh>
    <phoneticPr fontId="2"/>
  </si>
  <si>
    <t>三山木地区</t>
    <rPh sb="0" eb="3">
      <t>ミヤマキ</t>
    </rPh>
    <rPh sb="3" eb="5">
      <t>チク</t>
    </rPh>
    <phoneticPr fontId="2"/>
  </si>
  <si>
    <t>大住工業地区</t>
    <rPh sb="0" eb="2">
      <t>オオスミ</t>
    </rPh>
    <rPh sb="2" eb="4">
      <t>コウギョウ</t>
    </rPh>
    <rPh sb="4" eb="6">
      <t>チク</t>
    </rPh>
    <phoneticPr fontId="2"/>
  </si>
  <si>
    <t>学研同志社地区</t>
    <rPh sb="0" eb="2">
      <t>ガッケン</t>
    </rPh>
    <rPh sb="2" eb="5">
      <t>ドウシシャ</t>
    </rPh>
    <rPh sb="5" eb="7">
      <t>チク</t>
    </rPh>
    <phoneticPr fontId="2"/>
  </si>
  <si>
    <t>同志社山手地区</t>
    <rPh sb="0" eb="3">
      <t>ドウシシャ</t>
    </rPh>
    <rPh sb="3" eb="5">
      <t>ヤマテ</t>
    </rPh>
    <rPh sb="5" eb="7">
      <t>チク</t>
    </rPh>
    <phoneticPr fontId="2"/>
  </si>
  <si>
    <t>総数</t>
  </si>
  <si>
    <t>（２）面積</t>
  </si>
  <si>
    <t>単位：㎡</t>
  </si>
  <si>
    <t>（各年度末現在調）</t>
  </si>
  <si>
    <t>単位：ha、人</t>
  </si>
  <si>
    <t>（Ａ）</t>
  </si>
  <si>
    <t>（Ｂ）</t>
  </si>
  <si>
    <t>（Ｃ）</t>
  </si>
  <si>
    <t>普及率(%)</t>
  </si>
  <si>
    <t>（Ｄ）</t>
  </si>
  <si>
    <t>（E）</t>
  </si>
  <si>
    <t>Ｃ／Ａ</t>
  </si>
  <si>
    <t>Ｃ／Ｂ</t>
  </si>
  <si>
    <t>Ｅ／Ｄ</t>
  </si>
  <si>
    <t>単位：㎞</t>
  </si>
  <si>
    <t>（３）準用河川</t>
  </si>
  <si>
    <t>（４）普通河川</t>
  </si>
  <si>
    <t>単位：戸</t>
  </si>
  <si>
    <t>資料：開発指導課</t>
  </si>
  <si>
    <t>寄宿舎・下宿・共同住宅</t>
  </si>
  <si>
    <t>特定複合用途対象物</t>
  </si>
  <si>
    <t>特定以外の複合用途対象物</t>
  </si>
  <si>
    <t>年・区分</t>
  </si>
  <si>
    <t>住宅･アパート</t>
  </si>
  <si>
    <t>資料：京都国道事務所、府山城北土木事務所、施設管理課</t>
    <rPh sb="0" eb="2">
      <t>シリョウ</t>
    </rPh>
    <rPh sb="3" eb="5">
      <t>キョウト</t>
    </rPh>
    <rPh sb="5" eb="7">
      <t>コクドウ</t>
    </rPh>
    <rPh sb="7" eb="10">
      <t>ジムショ</t>
    </rPh>
    <rPh sb="11" eb="12">
      <t>フ</t>
    </rPh>
    <rPh sb="12" eb="14">
      <t>ヤマシロ</t>
    </rPh>
    <rPh sb="14" eb="15">
      <t>キタ</t>
    </rPh>
    <rPh sb="15" eb="17">
      <t>ドボク</t>
    </rPh>
    <rPh sb="17" eb="20">
      <t>ジムショ</t>
    </rPh>
    <rPh sb="21" eb="23">
      <t>シセツ</t>
    </rPh>
    <rPh sb="23" eb="26">
      <t>カンリカ</t>
    </rPh>
    <phoneticPr fontId="2"/>
  </si>
  <si>
    <t>５．都市公園</t>
    <rPh sb="2" eb="4">
      <t>トシ</t>
    </rPh>
    <rPh sb="4" eb="6">
      <t>コウエン</t>
    </rPh>
    <phoneticPr fontId="2"/>
  </si>
  <si>
    <t>６．公共下水道（汚水）の状況</t>
    <rPh sb="2" eb="4">
      <t>コウキョウ</t>
    </rPh>
    <rPh sb="4" eb="7">
      <t>ゲスイドウ</t>
    </rPh>
    <rPh sb="8" eb="10">
      <t>オスイ</t>
    </rPh>
    <rPh sb="12" eb="14">
      <t>ジョウキョウ</t>
    </rPh>
    <phoneticPr fontId="2"/>
  </si>
  <si>
    <t>７．都市下水路の状況</t>
    <rPh sb="2" eb="4">
      <t>トシ</t>
    </rPh>
    <rPh sb="4" eb="7">
      <t>ゲスイロ</t>
    </rPh>
    <rPh sb="8" eb="10">
      <t>ジョウキョウ</t>
    </rPh>
    <phoneticPr fontId="2"/>
  </si>
  <si>
    <t>８．河川流路延長</t>
    <rPh sb="2" eb="4">
      <t>カセン</t>
    </rPh>
    <rPh sb="4" eb="6">
      <t>リュウロ</t>
    </rPh>
    <rPh sb="6" eb="8">
      <t>エンチョウ</t>
    </rPh>
    <phoneticPr fontId="2"/>
  </si>
  <si>
    <t>１３．用途別建築確認申請消防同意件数</t>
    <rPh sb="3" eb="6">
      <t>ヨウトベツ</t>
    </rPh>
    <rPh sb="6" eb="8">
      <t>ケンチク</t>
    </rPh>
    <rPh sb="8" eb="10">
      <t>カクニン</t>
    </rPh>
    <rPh sb="10" eb="12">
      <t>シンセイ</t>
    </rPh>
    <rPh sb="12" eb="14">
      <t>ショウボウ</t>
    </rPh>
    <rPh sb="14" eb="16">
      <t>ドウイ</t>
    </rPh>
    <rPh sb="16" eb="18">
      <t>ケンスウ</t>
    </rPh>
    <phoneticPr fontId="2"/>
  </si>
  <si>
    <t>１４．用途別建築棟数面積</t>
    <rPh sb="3" eb="6">
      <t>ヨウトベツ</t>
    </rPh>
    <rPh sb="6" eb="8">
      <t>ケンチク</t>
    </rPh>
    <rPh sb="8" eb="9">
      <t>トウ</t>
    </rPh>
    <rPh sb="9" eb="10">
      <t>スウ</t>
    </rPh>
    <rPh sb="10" eb="12">
      <t>メンセキ</t>
    </rPh>
    <phoneticPr fontId="2"/>
  </si>
  <si>
    <t>１５．地価公示法による公示価格（国土交通省）</t>
    <rPh sb="3" eb="5">
      <t>チカ</t>
    </rPh>
    <rPh sb="5" eb="7">
      <t>コウジ</t>
    </rPh>
    <rPh sb="7" eb="8">
      <t>ホウ</t>
    </rPh>
    <rPh sb="11" eb="13">
      <t>コウジ</t>
    </rPh>
    <rPh sb="13" eb="15">
      <t>カカク</t>
    </rPh>
    <rPh sb="16" eb="18">
      <t>コクド</t>
    </rPh>
    <rPh sb="18" eb="21">
      <t>コウツウショウ</t>
    </rPh>
    <phoneticPr fontId="2"/>
  </si>
  <si>
    <t>１６．国土利用計画法による基準地の標準価格（京都府）</t>
    <rPh sb="3" eb="5">
      <t>コクド</t>
    </rPh>
    <rPh sb="5" eb="7">
      <t>リヨウ</t>
    </rPh>
    <rPh sb="7" eb="9">
      <t>ケイカク</t>
    </rPh>
    <rPh sb="9" eb="10">
      <t>ホウ</t>
    </rPh>
    <rPh sb="13" eb="15">
      <t>キジュンチ</t>
    </rPh>
    <rPh sb="15" eb="16">
      <t>チ</t>
    </rPh>
    <rPh sb="17" eb="19">
      <t>ヒョウジュン</t>
    </rPh>
    <rPh sb="19" eb="21">
      <t>カカク</t>
    </rPh>
    <rPh sb="22" eb="25">
      <t>キョウトフ</t>
    </rPh>
    <phoneticPr fontId="2"/>
  </si>
  <si>
    <t>１．都市計画区域</t>
    <phoneticPr fontId="2"/>
  </si>
  <si>
    <t>資料：計画交通課</t>
    <rPh sb="5" eb="7">
      <t>コウツウ</t>
    </rPh>
    <phoneticPr fontId="2"/>
  </si>
  <si>
    <t>資料：計画交通課</t>
    <rPh sb="0" eb="2">
      <t>シリョウ</t>
    </rPh>
    <rPh sb="3" eb="5">
      <t>ケイカク</t>
    </rPh>
    <rPh sb="5" eb="7">
      <t>コウツウ</t>
    </rPh>
    <rPh sb="7" eb="8">
      <t>カ</t>
    </rPh>
    <phoneticPr fontId="2"/>
  </si>
  <si>
    <t>興戸犬伏５番７他</t>
  </si>
  <si>
    <t>約</t>
    <rPh sb="0" eb="1">
      <t>ヤク</t>
    </rPh>
    <phoneticPr fontId="2"/>
  </si>
  <si>
    <t>種　類　別　住　宅　数</t>
    <rPh sb="0" eb="1">
      <t>タネ</t>
    </rPh>
    <rPh sb="2" eb="3">
      <t>タグイ</t>
    </rPh>
    <rPh sb="4" eb="5">
      <t>ベツ</t>
    </rPh>
    <rPh sb="6" eb="7">
      <t>ジュウ</t>
    </rPh>
    <rPh sb="8" eb="9">
      <t>タク</t>
    </rPh>
    <rPh sb="10" eb="11">
      <t>スウ</t>
    </rPh>
    <phoneticPr fontId="2"/>
  </si>
  <si>
    <t>構　造　別　住　宅　数</t>
    <rPh sb="0" eb="1">
      <t>カマエ</t>
    </rPh>
    <rPh sb="2" eb="3">
      <t>ヅクリ</t>
    </rPh>
    <rPh sb="4" eb="5">
      <t>ベツ</t>
    </rPh>
    <rPh sb="6" eb="7">
      <t>ジュウ</t>
    </rPh>
    <rPh sb="8" eb="9">
      <t>タク</t>
    </rPh>
    <rPh sb="10" eb="11">
      <t>スウ</t>
    </rPh>
    <phoneticPr fontId="2"/>
  </si>
  <si>
    <t>注１　市道の道路面積は、側溝を含む道路敷面積。</t>
    <rPh sb="3" eb="5">
      <t>シドウ</t>
    </rPh>
    <rPh sb="6" eb="8">
      <t>ドウロ</t>
    </rPh>
    <rPh sb="8" eb="10">
      <t>メンセキ</t>
    </rPh>
    <rPh sb="12" eb="14">
      <t>ソッコウ</t>
    </rPh>
    <rPh sb="15" eb="16">
      <t>フク</t>
    </rPh>
    <rPh sb="17" eb="19">
      <t>ドウロ</t>
    </rPh>
    <rPh sb="19" eb="20">
      <t>シキ</t>
    </rPh>
    <rPh sb="20" eb="22">
      <t>メンセキ</t>
    </rPh>
    <phoneticPr fontId="2"/>
  </si>
  <si>
    <t>資料：国土交通省近畿地方整備局淀川河川事務所木津川出張所</t>
    <rPh sb="0" eb="2">
      <t>シリョウ</t>
    </rPh>
    <rPh sb="3" eb="5">
      <t>コクド</t>
    </rPh>
    <rPh sb="5" eb="8">
      <t>コウツウショウ</t>
    </rPh>
    <rPh sb="8" eb="10">
      <t>キンキ</t>
    </rPh>
    <rPh sb="10" eb="12">
      <t>チホウ</t>
    </rPh>
    <rPh sb="12" eb="14">
      <t>セイビ</t>
    </rPh>
    <rPh sb="14" eb="15">
      <t>キョク</t>
    </rPh>
    <rPh sb="15" eb="17">
      <t>ヨドガワ</t>
    </rPh>
    <rPh sb="17" eb="19">
      <t>カセン</t>
    </rPh>
    <rPh sb="19" eb="22">
      <t>ジムショ</t>
    </rPh>
    <rPh sb="22" eb="24">
      <t>キヅ</t>
    </rPh>
    <rPh sb="24" eb="25">
      <t>ガワ</t>
    </rPh>
    <rPh sb="25" eb="27">
      <t>シュッチョウ</t>
    </rPh>
    <rPh sb="27" eb="28">
      <t>ショ</t>
    </rPh>
    <phoneticPr fontId="2"/>
  </si>
  <si>
    <t>総　　　　　 　数</t>
    <rPh sb="0" eb="1">
      <t>フサ</t>
    </rPh>
    <rPh sb="8" eb="9">
      <t>カズ</t>
    </rPh>
    <phoneticPr fontId="2"/>
  </si>
  <si>
    <t>注２　畳数は居住室の値。</t>
    <rPh sb="3" eb="4">
      <t>タタミ</t>
    </rPh>
    <rPh sb="4" eb="5">
      <t>スウ</t>
    </rPh>
    <rPh sb="6" eb="9">
      <t>キョジュウシツ</t>
    </rPh>
    <rPh sb="10" eb="11">
      <t>アタイ</t>
    </rPh>
    <phoneticPr fontId="2"/>
  </si>
  <si>
    <t>（１）市営住宅</t>
    <rPh sb="3" eb="5">
      <t>シエイ</t>
    </rPh>
    <rPh sb="5" eb="7">
      <t>ジュウタク</t>
    </rPh>
    <phoneticPr fontId="2"/>
  </si>
  <si>
    <t>市　　道</t>
    <rPh sb="0" eb="1">
      <t>シ</t>
    </rPh>
    <rPh sb="3" eb="4">
      <t>ミチ</t>
    </rPh>
    <phoneticPr fontId="2"/>
  </si>
  <si>
    <t>工場・作業場</t>
    <phoneticPr fontId="2"/>
  </si>
  <si>
    <t>うち舗装済延長</t>
    <phoneticPr fontId="2"/>
  </si>
  <si>
    <t>国　　道</t>
  </si>
  <si>
    <t>府　　道</t>
  </si>
  <si>
    <t>市　　道</t>
  </si>
  <si>
    <t>大住</t>
    <rPh sb="0" eb="2">
      <t>オオスミ</t>
    </rPh>
    <phoneticPr fontId="2"/>
  </si>
  <si>
    <t>田辺</t>
    <rPh sb="0" eb="2">
      <t>タナベ</t>
    </rPh>
    <phoneticPr fontId="2"/>
  </si>
  <si>
    <t>草内</t>
    <rPh sb="0" eb="1">
      <t>クサ</t>
    </rPh>
    <rPh sb="1" eb="2">
      <t>ウチ</t>
    </rPh>
    <phoneticPr fontId="2"/>
  </si>
  <si>
    <t>三山木</t>
    <rPh sb="0" eb="3">
      <t>ミヤマキ</t>
    </rPh>
    <phoneticPr fontId="2"/>
  </si>
  <si>
    <t>普賢寺</t>
    <rPh sb="0" eb="1">
      <t>フ</t>
    </rPh>
    <rPh sb="1" eb="2">
      <t>ケン</t>
    </rPh>
    <rPh sb="2" eb="3">
      <t>テラ</t>
    </rPh>
    <phoneticPr fontId="2"/>
  </si>
  <si>
    <t>年・区分</t>
    <rPh sb="0" eb="1">
      <t>ネン</t>
    </rPh>
    <rPh sb="2" eb="4">
      <t>クブン</t>
    </rPh>
    <phoneticPr fontId="2"/>
  </si>
  <si>
    <t>田辺狐川４０番６５</t>
    <phoneticPr fontId="2"/>
  </si>
  <si>
    <t>第１種低層住居専用地域</t>
    <phoneticPr fontId="2"/>
  </si>
  <si>
    <t>田辺中央１丁目１番５外</t>
    <phoneticPr fontId="2"/>
  </si>
  <si>
    <t>年・区分</t>
    <rPh sb="2" eb="4">
      <t>クブン</t>
    </rPh>
    <phoneticPr fontId="2"/>
  </si>
  <si>
    <t>資料：施設管理課</t>
    <rPh sb="0" eb="2">
      <t>シリョウ</t>
    </rPh>
    <rPh sb="3" eb="5">
      <t>シセツ</t>
    </rPh>
    <rPh sb="5" eb="8">
      <t>カンリカ</t>
    </rPh>
    <phoneticPr fontId="2"/>
  </si>
  <si>
    <t>一休が丘</t>
    <rPh sb="0" eb="2">
      <t>イッキュウ</t>
    </rPh>
    <rPh sb="3" eb="4">
      <t>オカ</t>
    </rPh>
    <phoneticPr fontId="2"/>
  </si>
  <si>
    <t>上記以外の事業所</t>
    <rPh sb="5" eb="8">
      <t>ジギョウショ</t>
    </rPh>
    <phoneticPr fontId="2"/>
  </si>
  <si>
    <t>京田辺松井インター西地区</t>
    <rPh sb="0" eb="3">
      <t>キョウタナベ</t>
    </rPh>
    <rPh sb="3" eb="5">
      <t>マツイ</t>
    </rPh>
    <rPh sb="9" eb="10">
      <t>ニシ</t>
    </rPh>
    <rPh sb="10" eb="12">
      <t>チク</t>
    </rPh>
    <phoneticPr fontId="2"/>
  </si>
  <si>
    <t>単位：ｍ、㎡</t>
    <rPh sb="0" eb="2">
      <t>タンイ</t>
    </rPh>
    <phoneticPr fontId="2"/>
  </si>
  <si>
    <t>資料：山城府営住宅管理センター</t>
    <rPh sb="0" eb="2">
      <t>シリョウ</t>
    </rPh>
    <rPh sb="3" eb="5">
      <t>ヤマシロ</t>
    </rPh>
    <rPh sb="5" eb="7">
      <t>フエイ</t>
    </rPh>
    <rPh sb="7" eb="9">
      <t>ジュウタク</t>
    </rPh>
    <rPh sb="9" eb="11">
      <t>カンリ</t>
    </rPh>
    <phoneticPr fontId="2"/>
  </si>
  <si>
    <t>1970年
以前</t>
    <rPh sb="4" eb="5">
      <t>ネン</t>
    </rPh>
    <rPh sb="6" eb="8">
      <t>イゼン</t>
    </rPh>
    <phoneticPr fontId="2"/>
  </si>
  <si>
    <t>2001
～
2005年</t>
    <rPh sb="11" eb="12">
      <t>ネン</t>
    </rPh>
    <phoneticPr fontId="2"/>
  </si>
  <si>
    <t>2006
～
2010年</t>
    <rPh sb="11" eb="12">
      <t>ネン</t>
    </rPh>
    <phoneticPr fontId="2"/>
  </si>
  <si>
    <t>2011
～
2015年</t>
    <rPh sb="11" eb="12">
      <t>ネン</t>
    </rPh>
    <phoneticPr fontId="2"/>
  </si>
  <si>
    <t>天王縄手１番外</t>
    <rPh sb="5" eb="6">
      <t>バン</t>
    </rPh>
    <rPh sb="6" eb="7">
      <t>ソト</t>
    </rPh>
    <phoneticPr fontId="2"/>
  </si>
  <si>
    <t>（１）国土交通省管理河川　　</t>
    <phoneticPr fontId="2"/>
  </si>
  <si>
    <t>1971～1980年</t>
    <rPh sb="9" eb="10">
      <t>ネン</t>
    </rPh>
    <phoneticPr fontId="2"/>
  </si>
  <si>
    <t>1981～1990年</t>
    <rPh sb="9" eb="10">
      <t>ネン</t>
    </rPh>
    <phoneticPr fontId="2"/>
  </si>
  <si>
    <t>一休ケ丘</t>
  </si>
  <si>
    <t>第２
ことぶき</t>
    <phoneticPr fontId="2"/>
  </si>
  <si>
    <t>谷垣内</t>
    <phoneticPr fontId="2"/>
  </si>
  <si>
    <t>三山木</t>
    <phoneticPr fontId="2"/>
  </si>
  <si>
    <t>資料：公園緑地課</t>
    <rPh sb="0" eb="2">
      <t>シリョウ</t>
    </rPh>
    <rPh sb="3" eb="8">
      <t>コウエンリョクチカ</t>
    </rPh>
    <phoneticPr fontId="2"/>
  </si>
  <si>
    <t>同志社山手３丁目２番１２３</t>
    <rPh sb="0" eb="3">
      <t>ドウシシャ</t>
    </rPh>
    <rPh sb="3" eb="5">
      <t>ヤマテ</t>
    </rPh>
    <rPh sb="6" eb="8">
      <t>チョウメ</t>
    </rPh>
    <rPh sb="9" eb="10">
      <t>バン</t>
    </rPh>
    <phoneticPr fontId="2"/>
  </si>
  <si>
    <t>河原平田１３番４９</t>
  </si>
  <si>
    <t>山手東一丁目２１番６</t>
  </si>
  <si>
    <t>東西神屋４４番６</t>
  </si>
  <si>
    <t>田辺南里３８番５０</t>
  </si>
  <si>
    <t>田辺辻２７番７</t>
  </si>
  <si>
    <t>薪里ノ内２０番１</t>
  </si>
  <si>
    <t>興戸南落延２５番３４</t>
  </si>
  <si>
    <t>三山木北垣内１８番６</t>
  </si>
  <si>
    <t>山手南１丁目３番４</t>
  </si>
  <si>
    <t>田辺南里１９番１</t>
  </si>
  <si>
    <t>飯岡中峯５０番１</t>
  </si>
  <si>
    <t>大住濱４０番</t>
  </si>
  <si>
    <t>商業地域</t>
    <phoneticPr fontId="2"/>
  </si>
  <si>
    <t>…</t>
  </si>
  <si>
    <t>-</t>
    <phoneticPr fontId="2"/>
  </si>
  <si>
    <t>令和</t>
    <rPh sb="0" eb="2">
      <t>レイワ</t>
    </rPh>
    <phoneticPr fontId="2"/>
  </si>
  <si>
    <t>（令和５年１０月１日現在調）</t>
    <rPh sb="1" eb="3">
      <t>レイワ</t>
    </rPh>
    <rPh sb="4" eb="5">
      <t>ネン</t>
    </rPh>
    <rPh sb="5" eb="6">
      <t>ヘイネン</t>
    </rPh>
    <rPh sb="7" eb="8">
      <t>ガツ</t>
    </rPh>
    <phoneticPr fontId="2"/>
  </si>
  <si>
    <t>1991～2000年</t>
    <rPh sb="9" eb="10">
      <t>ネン</t>
    </rPh>
    <phoneticPr fontId="2"/>
  </si>
  <si>
    <t>2016
～
2020年</t>
    <rPh sb="11" eb="12">
      <t>ネン</t>
    </rPh>
    <phoneticPr fontId="2"/>
  </si>
  <si>
    <t>2021
～
2023年</t>
    <rPh sb="11" eb="12">
      <t>ネン</t>
    </rPh>
    <phoneticPr fontId="2"/>
  </si>
  <si>
    <t>注１　抽出調査の結果をもとに推計人口から比推計された数値のため、合計があわない場合がある。</t>
    <rPh sb="3" eb="5">
      <t>チュウシュツ</t>
    </rPh>
    <rPh sb="5" eb="7">
      <t>チョウサ</t>
    </rPh>
    <rPh sb="8" eb="10">
      <t>ケッカ</t>
    </rPh>
    <rPh sb="14" eb="16">
      <t>スイケイ</t>
    </rPh>
    <rPh sb="16" eb="18">
      <t>ジンコウ</t>
    </rPh>
    <rPh sb="20" eb="21">
      <t>ヒ</t>
    </rPh>
    <rPh sb="21" eb="23">
      <t>スイケイ</t>
    </rPh>
    <rPh sb="26" eb="28">
      <t>スウチ</t>
    </rPh>
    <rPh sb="32" eb="34">
      <t>ゴウケイ</t>
    </rPh>
    <rPh sb="39" eb="41">
      <t>バアイ</t>
    </rPh>
    <phoneticPr fontId="2"/>
  </si>
  <si>
    <t>注１　抽出調査の結果をもとに推計人口から比推計された数値のため、合計があわない場合がある。</t>
    <phoneticPr fontId="2"/>
  </si>
  <si>
    <t>田辺北地区</t>
    <rPh sb="0" eb="2">
      <t>タナベ</t>
    </rPh>
    <rPh sb="2" eb="3">
      <t>キタ</t>
    </rPh>
    <rPh sb="3" eb="5">
      <t>チク</t>
    </rPh>
    <phoneticPr fontId="2"/>
  </si>
  <si>
    <t>京田辺松井インター東地区</t>
    <rPh sb="0" eb="3">
      <t>キョウタナベ</t>
    </rPh>
    <rPh sb="3" eb="5">
      <t>マツイ</t>
    </rPh>
    <rPh sb="9" eb="10">
      <t>ヒガシ</t>
    </rPh>
    <rPh sb="10" eb="11">
      <t>チ</t>
    </rPh>
    <rPh sb="11" eb="12">
      <t>ク</t>
    </rPh>
    <phoneticPr fontId="2"/>
  </si>
  <si>
    <t>（令和７年４月１日現在調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  <si>
    <t>（国道及び市道は令和７年４月１日現在、府道は令和６年４月１日現在調）</t>
    <rPh sb="1" eb="3">
      <t>コクドウ</t>
    </rPh>
    <rPh sb="3" eb="4">
      <t>オヨ</t>
    </rPh>
    <rPh sb="5" eb="7">
      <t>シドウ</t>
    </rPh>
    <rPh sb="8" eb="10">
      <t>レイワ</t>
    </rPh>
    <rPh sb="11" eb="12">
      <t>ネン</t>
    </rPh>
    <rPh sb="13" eb="14">
      <t>ガツ</t>
    </rPh>
    <rPh sb="15" eb="18">
      <t>ニチゲンザイ</t>
    </rPh>
    <rPh sb="19" eb="20">
      <t>フ</t>
    </rPh>
    <rPh sb="20" eb="21">
      <t>ドウ</t>
    </rPh>
    <rPh sb="22" eb="24">
      <t>レイワ</t>
    </rPh>
    <rPh sb="25" eb="26">
      <t>ネン</t>
    </rPh>
    <rPh sb="27" eb="28">
      <t>ガツ</t>
    </rPh>
    <rPh sb="29" eb="32">
      <t>ニチゲンザイ</t>
    </rPh>
    <rPh sb="32" eb="33">
      <t>チョウ</t>
    </rPh>
    <phoneticPr fontId="2"/>
  </si>
  <si>
    <t>（国道及び市道は令和７年４月１日現在、府道は令和６年４月１日現在調）</t>
    <rPh sb="1" eb="3">
      <t>コクドウ</t>
    </rPh>
    <rPh sb="3" eb="4">
      <t>オヨ</t>
    </rPh>
    <rPh sb="5" eb="7">
      <t>シドウ</t>
    </rPh>
    <rPh sb="8" eb="10">
      <t>レイワ</t>
    </rPh>
    <rPh sb="11" eb="12">
      <t>ネン</t>
    </rPh>
    <rPh sb="13" eb="14">
      <t>ガツ</t>
    </rPh>
    <rPh sb="15" eb="16">
      <t>ニチ</t>
    </rPh>
    <rPh sb="16" eb="18">
      <t>ゲンザイ</t>
    </rPh>
    <rPh sb="19" eb="21">
      <t>フドウ</t>
    </rPh>
    <rPh sb="22" eb="24">
      <t>レイワ</t>
    </rPh>
    <rPh sb="25" eb="26">
      <t>ネン</t>
    </rPh>
    <rPh sb="27" eb="28">
      <t>ガツ</t>
    </rPh>
    <phoneticPr fontId="2"/>
  </si>
  <si>
    <t>（令和７年４月１日現在調）</t>
    <rPh sb="1" eb="3">
      <t>レイワ</t>
    </rPh>
    <rPh sb="4" eb="5">
      <t>ネン</t>
    </rPh>
    <rPh sb="6" eb="7">
      <t>ガツ</t>
    </rPh>
    <phoneticPr fontId="2"/>
  </si>
  <si>
    <t>（（１）（３）（４）は令和７年４月１日現在調、（２）は令和６年４月１日現在調）</t>
    <rPh sb="11" eb="13">
      <t>レイワ</t>
    </rPh>
    <rPh sb="14" eb="15">
      <t>ネン</t>
    </rPh>
    <rPh sb="16" eb="17">
      <t>ガツ</t>
    </rPh>
    <rPh sb="27" eb="29">
      <t>レイワ</t>
    </rPh>
    <rPh sb="30" eb="31">
      <t>ネン</t>
    </rPh>
    <rPh sb="32" eb="33">
      <t>ガツ</t>
    </rPh>
    <rPh sb="34" eb="35">
      <t>ニチ</t>
    </rPh>
    <rPh sb="35" eb="37">
      <t>ゲンザイ</t>
    </rPh>
    <rPh sb="37" eb="38">
      <t>シラ</t>
    </rPh>
    <phoneticPr fontId="2"/>
  </si>
  <si>
    <t>多々羅地区</t>
    <rPh sb="0" eb="3">
      <t>タタラ</t>
    </rPh>
    <rPh sb="3" eb="5">
      <t>チク</t>
    </rPh>
    <phoneticPr fontId="2"/>
  </si>
  <si>
    <t>南田辺西地区</t>
    <rPh sb="0" eb="3">
      <t>ミナミタナベ</t>
    </rPh>
    <rPh sb="3" eb="4">
      <t>ニシ</t>
    </rPh>
    <rPh sb="4" eb="6">
      <t>チ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9">
    <numFmt numFmtId="42" formatCode="_ &quot;¥&quot;* #,##0_ ;_ &quot;¥&quot;* \-#,##0_ ;_ &quot;¥&quot;* &quot;-&quot;_ ;_ @_ "/>
    <numFmt numFmtId="176" formatCode="#,##0_ "/>
    <numFmt numFmtId="177" formatCode="#,##0.00_ "/>
    <numFmt numFmtId="178" formatCode="#,##0_);[Red]\(#,##0\)"/>
    <numFmt numFmtId="179" formatCode="0.0_ "/>
    <numFmt numFmtId="180" formatCode="0.0_);[Red]\(0.0\)"/>
    <numFmt numFmtId="181" formatCode="#,##0.0_);[Red]\(#,##0.0\)"/>
    <numFmt numFmtId="182" formatCode="#,##0_);\(#,##0\)"/>
    <numFmt numFmtId="183" formatCode="#,##0.0_);\(#,##0.0\)"/>
    <numFmt numFmtId="184" formatCode="#,##0.00_);[Red]\(#,##0.00\)"/>
    <numFmt numFmtId="185" formatCode="#,##0.00_);\(#,##0.00\)"/>
    <numFmt numFmtId="186" formatCode="0&quot; 年&quot;"/>
    <numFmt numFmtId="187" formatCode="_ * #,##0_ ;_ * \-#,##0_ ;_ @_ "/>
    <numFmt numFmtId="188" formatCode="0&quot;年&quot;"/>
    <numFmt numFmtId="189" formatCode="_ @_ "/>
    <numFmt numFmtId="190" formatCode="_ * #,##0.0_ ;_ * \-#,##0.0_ ;_ @_ "/>
    <numFmt numFmtId="191" formatCode="@\ "/>
    <numFmt numFmtId="192" formatCode="_ * #,##0_ ;_ * \-#,##0_ ;_ @\ \ "/>
    <numFmt numFmtId="193" formatCode="&quot;令和 &quot;0&quot;年&quot;"/>
  </numFmts>
  <fonts count="2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sz val="9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8"/>
      <name val="ＭＳ Ｐ明朝"/>
      <family val="1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trike/>
      <sz val="10"/>
      <name val="ＭＳ Ｐ明朝"/>
      <family val="1"/>
      <charset val="128"/>
    </font>
    <font>
      <sz val="10"/>
      <name val="ＭＳ 明朝"/>
      <family val="1"/>
      <charset val="128"/>
    </font>
    <font>
      <b/>
      <sz val="9"/>
      <name val="ＭＳ Ｐゴシック"/>
      <family val="3"/>
      <charset val="128"/>
    </font>
    <font>
      <sz val="10"/>
      <color indexed="12"/>
      <name val="ＭＳ Ｐ明朝"/>
      <family val="1"/>
      <charset val="128"/>
    </font>
    <font>
      <sz val="11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0"/>
      <color theme="1"/>
      <name val="ＭＳ Ｐゴシック"/>
      <family val="3"/>
      <charset val="128"/>
    </font>
    <font>
      <sz val="8"/>
      <color theme="1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9"/>
      <color theme="1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rgb="FFFFFFCC"/>
      </patternFill>
    </fill>
    <fill>
      <patternFill patternType="solid">
        <fgColor theme="0"/>
        <bgColor indexed="64"/>
      </patternFill>
    </fill>
  </fills>
  <borders count="68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 style="thin">
        <color rgb="FFB2B2B2"/>
      </right>
      <top/>
      <bottom style="thin">
        <color indexed="64"/>
      </bottom>
      <diagonal/>
    </border>
    <border>
      <left style="thin">
        <color rgb="FFB2B2B2"/>
      </left>
      <right style="thin">
        <color rgb="FFB2B2B2"/>
      </right>
      <top/>
      <bottom style="thin">
        <color indexed="64"/>
      </bottom>
      <diagonal/>
    </border>
    <border>
      <left style="thin">
        <color rgb="FFB2B2B2"/>
      </left>
      <right/>
      <top/>
      <bottom style="thin">
        <color indexed="64"/>
      </bottom>
      <diagonal/>
    </border>
    <border>
      <left style="thin">
        <color rgb="FFB2B2B2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1" fillId="3" borderId="63" applyNumberFormat="0" applyFont="0" applyAlignment="0" applyProtection="0">
      <alignment vertical="center"/>
    </xf>
    <xf numFmtId="38" fontId="1" fillId="0" borderId="0" applyFont="0" applyFill="0" applyBorder="0" applyAlignment="0" applyProtection="0"/>
  </cellStyleXfs>
  <cellXfs count="658">
    <xf numFmtId="0" fontId="0" fillId="0" borderId="0" xfId="0"/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7" fontId="5" fillId="0" borderId="0" xfId="0" applyNumberFormat="1" applyFont="1" applyAlignment="1">
      <alignment horizontal="right" vertical="center"/>
    </xf>
    <xf numFmtId="0" fontId="5" fillId="0" borderId="0" xfId="0" applyFont="1" applyAlignment="1">
      <alignment vertical="center"/>
    </xf>
    <xf numFmtId="177" fontId="3" fillId="0" borderId="0" xfId="0" applyNumberFormat="1" applyFont="1" applyAlignment="1">
      <alignment horizontal="right" vertical="center"/>
    </xf>
    <xf numFmtId="177" fontId="6" fillId="0" borderId="0" xfId="0" applyNumberFormat="1" applyFont="1" applyAlignment="1">
      <alignment horizontal="right" vertical="center"/>
    </xf>
    <xf numFmtId="0" fontId="3" fillId="0" borderId="0" xfId="0" applyFont="1"/>
    <xf numFmtId="0" fontId="6" fillId="0" borderId="0" xfId="0" applyFont="1" applyAlignment="1">
      <alignment horizontal="right" vertical="center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center" vertical="center"/>
    </xf>
    <xf numFmtId="0" fontId="6" fillId="0" borderId="2" xfId="0" applyFont="1" applyBorder="1" applyAlignment="1">
      <alignment vertical="center"/>
    </xf>
    <xf numFmtId="0" fontId="6" fillId="0" borderId="3" xfId="0" applyFont="1" applyBorder="1" applyAlignment="1">
      <alignment horizontal="right" vertical="center"/>
    </xf>
    <xf numFmtId="0" fontId="3" fillId="0" borderId="1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3" fillId="0" borderId="0" xfId="0" applyFont="1" applyAlignment="1">
      <alignment horizontal="distributed" vertical="center"/>
    </xf>
    <xf numFmtId="0" fontId="3" fillId="0" borderId="0" xfId="0" applyFont="1" applyAlignment="1">
      <alignment horizontal="right" vertical="center"/>
    </xf>
    <xf numFmtId="176" fontId="3" fillId="0" borderId="0" xfId="0" applyNumberFormat="1" applyFont="1" applyAlignment="1">
      <alignment horizontal="right" vertical="center" indent="1"/>
    </xf>
    <xf numFmtId="0" fontId="3" fillId="0" borderId="0" xfId="0" applyFont="1" applyAlignment="1">
      <alignment horizontal="distributed" vertical="distributed"/>
    </xf>
    <xf numFmtId="0" fontId="8" fillId="0" borderId="2" xfId="0" applyFont="1" applyBorder="1" applyAlignment="1">
      <alignment horizontal="left" vertical="center" shrinkToFit="1"/>
    </xf>
    <xf numFmtId="0" fontId="8" fillId="0" borderId="2" xfId="0" applyFont="1" applyBorder="1" applyAlignment="1">
      <alignment horizontal="left" vertical="distributed"/>
    </xf>
    <xf numFmtId="0" fontId="12" fillId="0" borderId="0" xfId="0" applyFont="1" applyAlignment="1">
      <alignment vertical="center"/>
    </xf>
    <xf numFmtId="0" fontId="3" fillId="0" borderId="4" xfId="0" applyFont="1" applyBorder="1" applyAlignment="1">
      <alignment horizontal="right" vertical="center"/>
    </xf>
    <xf numFmtId="0" fontId="3" fillId="0" borderId="4" xfId="0" applyFont="1" applyBorder="1" applyAlignment="1">
      <alignment horizontal="right"/>
    </xf>
    <xf numFmtId="0" fontId="6" fillId="0" borderId="2" xfId="0" applyFont="1" applyBorder="1" applyAlignment="1">
      <alignment horizontal="right" vertical="center"/>
    </xf>
    <xf numFmtId="0" fontId="6" fillId="0" borderId="1" xfId="0" applyFont="1" applyBorder="1" applyAlignment="1">
      <alignment horizontal="right" vertical="center"/>
    </xf>
    <xf numFmtId="0" fontId="6" fillId="0" borderId="0" xfId="0" applyFont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11" fillId="0" borderId="6" xfId="0" applyFont="1" applyBorder="1" applyAlignment="1">
      <alignment vertical="center"/>
    </xf>
    <xf numFmtId="0" fontId="6" fillId="0" borderId="0" xfId="0" applyFont="1" applyAlignment="1">
      <alignment horizontal="distributed" vertical="center"/>
    </xf>
    <xf numFmtId="176" fontId="6" fillId="0" borderId="0" xfId="0" applyNumberFormat="1" applyFont="1" applyAlignment="1">
      <alignment horizontal="distributed" vertical="center"/>
    </xf>
    <xf numFmtId="177" fontId="6" fillId="0" borderId="6" xfId="0" applyNumberFormat="1" applyFont="1" applyBorder="1" applyAlignment="1">
      <alignment horizontal="right" vertical="center"/>
    </xf>
    <xf numFmtId="0" fontId="6" fillId="0" borderId="7" xfId="0" applyFont="1" applyBorder="1" applyAlignment="1">
      <alignment horizontal="center" vertical="center"/>
    </xf>
    <xf numFmtId="0" fontId="6" fillId="0" borderId="4" xfId="0" applyFont="1" applyBorder="1" applyAlignment="1">
      <alignment horizontal="distributed" vertical="center"/>
    </xf>
    <xf numFmtId="176" fontId="6" fillId="0" borderId="4" xfId="0" applyNumberFormat="1" applyFont="1" applyBorder="1" applyAlignment="1">
      <alignment horizontal="distributed" vertical="center"/>
    </xf>
    <xf numFmtId="177" fontId="6" fillId="0" borderId="8" xfId="0" applyNumberFormat="1" applyFont="1" applyBorder="1" applyAlignment="1">
      <alignment horizontal="right" vertical="center"/>
    </xf>
    <xf numFmtId="176" fontId="6" fillId="0" borderId="0" xfId="0" applyNumberFormat="1" applyFont="1" applyAlignment="1">
      <alignment horizontal="right" vertical="center"/>
    </xf>
    <xf numFmtId="177" fontId="3" fillId="0" borderId="0" xfId="0" applyNumberFormat="1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176" fontId="3" fillId="0" borderId="0" xfId="0" applyNumberFormat="1" applyFont="1" applyAlignment="1">
      <alignment horizontal="right" vertical="center"/>
    </xf>
    <xf numFmtId="177" fontId="3" fillId="0" borderId="0" xfId="0" applyNumberFormat="1" applyFont="1" applyAlignment="1">
      <alignment horizontal="right"/>
    </xf>
    <xf numFmtId="177" fontId="3" fillId="0" borderId="0" xfId="0" applyNumberFormat="1" applyFont="1" applyAlignment="1">
      <alignment horizontal="center" vertical="center"/>
    </xf>
    <xf numFmtId="0" fontId="6" fillId="0" borderId="0" xfId="0" applyFont="1"/>
    <xf numFmtId="0" fontId="3" fillId="0" borderId="0" xfId="0" applyFont="1" applyAlignment="1">
      <alignment vertical="top"/>
    </xf>
    <xf numFmtId="0" fontId="4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176" fontId="5" fillId="0" borderId="0" xfId="0" applyNumberFormat="1" applyFont="1" applyAlignment="1">
      <alignment horizontal="right" vertical="center"/>
    </xf>
    <xf numFmtId="0" fontId="8" fillId="0" borderId="0" xfId="0" applyFont="1" applyAlignment="1">
      <alignment vertical="center"/>
    </xf>
    <xf numFmtId="0" fontId="6" fillId="0" borderId="0" xfId="0" applyFont="1" applyAlignment="1">
      <alignment horizontal="left" vertical="center"/>
    </xf>
    <xf numFmtId="49" fontId="6" fillId="0" borderId="0" xfId="0" applyNumberFormat="1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15" fillId="0" borderId="0" xfId="0" applyFont="1"/>
    <xf numFmtId="0" fontId="15" fillId="0" borderId="0" xfId="0" applyFont="1" applyAlignment="1">
      <alignment vertical="center"/>
    </xf>
    <xf numFmtId="177" fontId="15" fillId="0" borderId="0" xfId="0" applyNumberFormat="1" applyFont="1" applyAlignment="1">
      <alignment horizontal="right" vertical="center"/>
    </xf>
    <xf numFmtId="0" fontId="6" fillId="0" borderId="9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16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 textRotation="255"/>
    </xf>
    <xf numFmtId="0" fontId="1" fillId="0" borderId="0" xfId="0" applyFont="1"/>
    <xf numFmtId="0" fontId="3" fillId="0" borderId="0" xfId="0" applyFont="1" applyAlignment="1">
      <alignment vertical="center" wrapText="1"/>
    </xf>
    <xf numFmtId="187" fontId="6" fillId="2" borderId="9" xfId="0" applyNumberFormat="1" applyFont="1" applyFill="1" applyBorder="1" applyAlignment="1" applyProtection="1">
      <alignment horizontal="right" vertical="center" indent="1" shrinkToFit="1"/>
      <protection locked="0"/>
    </xf>
    <xf numFmtId="187" fontId="6" fillId="2" borderId="0" xfId="0" applyNumberFormat="1" applyFont="1" applyFill="1" applyAlignment="1" applyProtection="1">
      <alignment horizontal="right" vertical="center" indent="1" shrinkToFit="1"/>
      <protection locked="0"/>
    </xf>
    <xf numFmtId="190" fontId="6" fillId="2" borderId="0" xfId="0" applyNumberFormat="1" applyFont="1" applyFill="1" applyAlignment="1" applyProtection="1">
      <alignment horizontal="right" vertical="center" indent="1" shrinkToFit="1"/>
      <protection locked="0"/>
    </xf>
    <xf numFmtId="192" fontId="6" fillId="2" borderId="0" xfId="0" applyNumberFormat="1" applyFont="1" applyFill="1" applyAlignment="1" applyProtection="1">
      <alignment horizontal="right" vertical="center" shrinkToFit="1"/>
      <protection locked="0"/>
    </xf>
    <xf numFmtId="176" fontId="6" fillId="0" borderId="2" xfId="0" applyNumberFormat="1" applyFont="1" applyBorder="1" applyAlignment="1">
      <alignment horizontal="right" vertical="center"/>
    </xf>
    <xf numFmtId="0" fontId="0" fillId="0" borderId="0" xfId="0" applyAlignment="1">
      <alignment horizontal="center" vertical="center"/>
    </xf>
    <xf numFmtId="0" fontId="20" fillId="0" borderId="0" xfId="0" applyFont="1" applyAlignment="1">
      <alignment vertical="center"/>
    </xf>
    <xf numFmtId="0" fontId="21" fillId="0" borderId="0" xfId="0" applyFont="1" applyAlignment="1">
      <alignment vertical="center"/>
    </xf>
    <xf numFmtId="0" fontId="6" fillId="0" borderId="4" xfId="0" applyFont="1" applyBorder="1" applyAlignment="1">
      <alignment horizontal="left" vertical="center" indent="1"/>
    </xf>
    <xf numFmtId="0" fontId="10" fillId="0" borderId="4" xfId="0" applyFont="1" applyBorder="1" applyAlignment="1">
      <alignment vertical="center"/>
    </xf>
    <xf numFmtId="0" fontId="10" fillId="0" borderId="1" xfId="0" applyFont="1" applyBorder="1" applyAlignment="1">
      <alignment horizontal="center" vertical="center"/>
    </xf>
    <xf numFmtId="0" fontId="6" fillId="0" borderId="5" xfId="0" applyFont="1" applyBorder="1" applyAlignment="1">
      <alignment horizontal="left" vertical="center" indent="1"/>
    </xf>
    <xf numFmtId="0" fontId="22" fillId="0" borderId="0" xfId="0" applyFont="1" applyAlignment="1">
      <alignment vertical="center"/>
    </xf>
    <xf numFmtId="0" fontId="23" fillId="0" borderId="0" xfId="0" applyFont="1" applyAlignment="1">
      <alignment horizontal="right" vertical="center"/>
    </xf>
    <xf numFmtId="0" fontId="23" fillId="0" borderId="11" xfId="0" applyFont="1" applyBorder="1" applyAlignment="1">
      <alignment horizontal="center" vertical="center"/>
    </xf>
    <xf numFmtId="0" fontId="23" fillId="0" borderId="12" xfId="0" applyFont="1" applyBorder="1" applyAlignment="1">
      <alignment horizontal="center" vertical="center"/>
    </xf>
    <xf numFmtId="0" fontId="4" fillId="4" borderId="0" xfId="0" applyFont="1" applyFill="1" applyAlignment="1">
      <alignment vertical="center"/>
    </xf>
    <xf numFmtId="0" fontId="12" fillId="4" borderId="0" xfId="0" applyFont="1" applyFill="1" applyAlignment="1">
      <alignment vertical="center"/>
    </xf>
    <xf numFmtId="178" fontId="6" fillId="0" borderId="0" xfId="0" applyNumberFormat="1" applyFont="1" applyAlignment="1">
      <alignment horizontal="center" vertical="center"/>
    </xf>
    <xf numFmtId="0" fontId="6" fillId="0" borderId="1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26" fillId="0" borderId="0" xfId="0" applyFont="1" applyAlignment="1">
      <alignment vertical="center"/>
    </xf>
    <xf numFmtId="0" fontId="3" fillId="0" borderId="4" xfId="0" applyFont="1" applyBorder="1" applyAlignment="1">
      <alignment horizontal="center" vertical="center" textRotation="255"/>
    </xf>
    <xf numFmtId="0" fontId="6" fillId="0" borderId="0" xfId="0" applyFont="1" applyAlignment="1">
      <alignment horizontal="center" vertical="center" textRotation="91"/>
    </xf>
    <xf numFmtId="49" fontId="3" fillId="0" borderId="0" xfId="0" applyNumberFormat="1" applyFont="1" applyAlignment="1">
      <alignment horizontal="center" vertical="center"/>
    </xf>
    <xf numFmtId="0" fontId="3" fillId="0" borderId="1" xfId="0" applyFont="1" applyBorder="1" applyAlignment="1">
      <alignment vertical="center" wrapText="1"/>
    </xf>
    <xf numFmtId="176" fontId="3" fillId="0" borderId="1" xfId="0" applyNumberFormat="1" applyFont="1" applyBorder="1" applyAlignment="1">
      <alignment vertical="center"/>
    </xf>
    <xf numFmtId="176" fontId="6" fillId="0" borderId="0" xfId="0" applyNumberFormat="1" applyFont="1" applyAlignment="1">
      <alignment horizontal="right" vertical="center"/>
    </xf>
    <xf numFmtId="176" fontId="3" fillId="0" borderId="0" xfId="0" applyNumberFormat="1" applyFont="1" applyAlignment="1">
      <alignment horizontal="right" vertical="center"/>
    </xf>
    <xf numFmtId="184" fontId="11" fillId="0" borderId="0" xfId="0" applyNumberFormat="1" applyFont="1" applyAlignment="1">
      <alignment horizontal="right" vertical="center"/>
    </xf>
    <xf numFmtId="0" fontId="6" fillId="0" borderId="1" xfId="0" applyFont="1" applyBorder="1" applyAlignment="1">
      <alignment horizontal="center"/>
    </xf>
    <xf numFmtId="0" fontId="6" fillId="0" borderId="0" xfId="0" applyFont="1" applyAlignment="1">
      <alignment horizontal="center"/>
    </xf>
    <xf numFmtId="0" fontId="6" fillId="0" borderId="6" xfId="0" applyFont="1" applyBorder="1" applyAlignment="1">
      <alignment horizontal="center"/>
    </xf>
    <xf numFmtId="0" fontId="6" fillId="0" borderId="7" xfId="0" applyFont="1" applyBorder="1" applyAlignment="1">
      <alignment horizontal="left" vertical="center" indent="1"/>
    </xf>
    <xf numFmtId="0" fontId="3" fillId="0" borderId="4" xfId="0" applyFont="1" applyBorder="1" applyAlignment="1">
      <alignment horizontal="left" vertical="center" indent="1"/>
    </xf>
    <xf numFmtId="0" fontId="3" fillId="0" borderId="8" xfId="0" applyFont="1" applyBorder="1" applyAlignment="1">
      <alignment horizontal="left" vertical="center" indent="1"/>
    </xf>
    <xf numFmtId="178" fontId="6" fillId="0" borderId="4" xfId="0" applyNumberFormat="1" applyFont="1" applyBorder="1" applyAlignment="1">
      <alignment horizontal="right" vertical="center"/>
    </xf>
    <xf numFmtId="178" fontId="3" fillId="0" borderId="4" xfId="0" applyNumberFormat="1" applyFont="1" applyBorder="1" applyAlignment="1">
      <alignment horizontal="right" vertical="center"/>
    </xf>
    <xf numFmtId="178" fontId="6" fillId="0" borderId="4" xfId="0" applyNumberFormat="1" applyFont="1" applyBorder="1" applyAlignment="1" applyProtection="1">
      <alignment horizontal="right" vertical="center"/>
      <protection locked="0"/>
    </xf>
    <xf numFmtId="178" fontId="11" fillId="0" borderId="4" xfId="0" applyNumberFormat="1" applyFont="1" applyBorder="1" applyAlignment="1" applyProtection="1">
      <alignment horizontal="right" vertical="center"/>
      <protection locked="0"/>
    </xf>
    <xf numFmtId="178" fontId="12" fillId="0" borderId="4" xfId="0" applyNumberFormat="1" applyFont="1" applyBorder="1" applyAlignment="1">
      <alignment horizontal="right" vertical="center"/>
    </xf>
    <xf numFmtId="178" fontId="12" fillId="0" borderId="8" xfId="0" applyNumberFormat="1" applyFont="1" applyBorder="1" applyAlignment="1">
      <alignment horizontal="right" vertical="center"/>
    </xf>
    <xf numFmtId="176" fontId="6" fillId="0" borderId="0" xfId="0" applyNumberFormat="1" applyFont="1" applyAlignment="1" applyProtection="1">
      <alignment horizontal="right" vertical="center" indent="1"/>
      <protection locked="0"/>
    </xf>
    <xf numFmtId="176" fontId="6" fillId="0" borderId="3" xfId="0" applyNumberFormat="1" applyFont="1" applyBorder="1" applyAlignment="1" applyProtection="1">
      <alignment horizontal="right" vertical="center" indent="1"/>
      <protection locked="0"/>
    </xf>
    <xf numFmtId="0" fontId="6" fillId="0" borderId="13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187" fontId="11" fillId="0" borderId="0" xfId="0" applyNumberFormat="1" applyFont="1" applyAlignment="1">
      <alignment horizontal="right" vertical="center" shrinkToFit="1"/>
    </xf>
    <xf numFmtId="187" fontId="11" fillId="0" borderId="13" xfId="0" applyNumberFormat="1" applyFont="1" applyBorder="1" applyAlignment="1">
      <alignment horizontal="right" vertical="center" shrinkToFit="1"/>
    </xf>
    <xf numFmtId="192" fontId="6" fillId="0" borderId="0" xfId="0" applyNumberFormat="1" applyFont="1" applyAlignment="1" applyProtection="1">
      <alignment horizontal="right" vertical="center" shrinkToFit="1"/>
      <protection locked="0"/>
    </xf>
    <xf numFmtId="187" fontId="11" fillId="0" borderId="13" xfId="0" applyNumberFormat="1" applyFont="1" applyBorder="1" applyAlignment="1">
      <alignment horizontal="right" vertical="center" indent="1"/>
    </xf>
    <xf numFmtId="176" fontId="6" fillId="0" borderId="30" xfId="0" applyNumberFormat="1" applyFont="1" applyBorder="1" applyAlignment="1" applyProtection="1">
      <alignment horizontal="center" vertical="center"/>
      <protection locked="0"/>
    </xf>
    <xf numFmtId="176" fontId="6" fillId="0" borderId="31" xfId="0" applyNumberFormat="1" applyFont="1" applyBorder="1" applyAlignment="1" applyProtection="1">
      <alignment horizontal="center" vertical="center"/>
      <protection locked="0"/>
    </xf>
    <xf numFmtId="176" fontId="6" fillId="0" borderId="32" xfId="0" applyNumberFormat="1" applyFont="1" applyBorder="1" applyAlignment="1" applyProtection="1">
      <alignment horizontal="center" vertical="center"/>
      <protection locked="0"/>
    </xf>
    <xf numFmtId="181" fontId="6" fillId="0" borderId="10" xfId="0" applyNumberFormat="1" applyFont="1" applyBorder="1" applyAlignment="1" applyProtection="1">
      <alignment horizontal="center" vertical="center"/>
      <protection locked="0"/>
    </xf>
    <xf numFmtId="181" fontId="6" fillId="0" borderId="4" xfId="0" applyNumberFormat="1" applyFont="1" applyBorder="1" applyAlignment="1" applyProtection="1">
      <alignment horizontal="center" vertical="center"/>
      <protection locked="0"/>
    </xf>
    <xf numFmtId="181" fontId="6" fillId="0" borderId="8" xfId="0" applyNumberFormat="1" applyFont="1" applyBorder="1" applyAlignment="1" applyProtection="1">
      <alignment horizontal="center" vertical="center"/>
      <protection locked="0"/>
    </xf>
    <xf numFmtId="0" fontId="6" fillId="0" borderId="29" xfId="0" applyFont="1" applyBorder="1" applyAlignment="1">
      <alignment horizontal="distributed" vertical="center" justifyLastLine="1"/>
    </xf>
    <xf numFmtId="0" fontId="6" fillId="0" borderId="29" xfId="0" applyFont="1" applyBorder="1" applyAlignment="1">
      <alignment horizontal="distributed" vertical="center" wrapText="1" justifyLastLine="1"/>
    </xf>
    <xf numFmtId="0" fontId="11" fillId="0" borderId="7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178" fontId="8" fillId="0" borderId="0" xfId="0" applyNumberFormat="1" applyFont="1" applyAlignment="1">
      <alignment horizontal="right" vertical="center"/>
    </xf>
    <xf numFmtId="0" fontId="6" fillId="0" borderId="35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37" xfId="0" applyFont="1" applyBorder="1" applyAlignment="1">
      <alignment horizontal="center" vertical="center" wrapText="1"/>
    </xf>
    <xf numFmtId="178" fontId="14" fillId="0" borderId="0" xfId="0" applyNumberFormat="1" applyFont="1" applyAlignment="1">
      <alignment horizontal="right" vertical="center"/>
    </xf>
    <xf numFmtId="0" fontId="6" fillId="0" borderId="1" xfId="0" applyFont="1" applyBorder="1" applyAlignment="1">
      <alignment horizontal="left" vertical="center" indent="1"/>
    </xf>
    <xf numFmtId="0" fontId="0" fillId="0" borderId="0" xfId="0" applyAlignment="1">
      <alignment horizontal="left" vertical="center" indent="1"/>
    </xf>
    <xf numFmtId="0" fontId="0" fillId="0" borderId="6" xfId="0" applyBorder="1" applyAlignment="1">
      <alignment horizontal="left" vertical="center" indent="1"/>
    </xf>
    <xf numFmtId="178" fontId="6" fillId="0" borderId="9" xfId="0" applyNumberFormat="1" applyFont="1" applyBorder="1" applyAlignment="1">
      <alignment horizontal="right" vertical="center"/>
    </xf>
    <xf numFmtId="178" fontId="6" fillId="0" borderId="0" xfId="0" applyNumberFormat="1" applyFont="1" applyAlignment="1">
      <alignment horizontal="right" vertical="center"/>
    </xf>
    <xf numFmtId="178" fontId="6" fillId="0" borderId="0" xfId="0" applyNumberFormat="1" applyFont="1" applyAlignment="1" applyProtection="1">
      <alignment horizontal="right" vertical="center"/>
      <protection locked="0"/>
    </xf>
    <xf numFmtId="178" fontId="11" fillId="0" borderId="0" xfId="0" applyNumberFormat="1" applyFont="1" applyAlignment="1" applyProtection="1">
      <alignment horizontal="right" vertical="center"/>
      <protection locked="0"/>
    </xf>
    <xf numFmtId="178" fontId="11" fillId="0" borderId="6" xfId="0" applyNumberFormat="1" applyFont="1" applyBorder="1" applyAlignment="1" applyProtection="1">
      <alignment horizontal="right" vertical="center"/>
      <protection locked="0"/>
    </xf>
    <xf numFmtId="0" fontId="6" fillId="0" borderId="9" xfId="0" applyFont="1" applyBorder="1" applyAlignment="1">
      <alignment horizontal="left" vertical="center" indent="1" shrinkToFit="1"/>
    </xf>
    <xf numFmtId="0" fontId="6" fillId="0" borderId="0" xfId="0" applyFont="1" applyAlignment="1">
      <alignment horizontal="left" vertical="center" indent="1" shrinkToFit="1"/>
    </xf>
    <xf numFmtId="0" fontId="6" fillId="0" borderId="3" xfId="0" applyFont="1" applyBorder="1" applyAlignment="1">
      <alignment horizontal="left" vertical="center" indent="1" shrinkToFit="1"/>
    </xf>
    <xf numFmtId="0" fontId="6" fillId="0" borderId="10" xfId="0" applyFont="1" applyBorder="1" applyAlignment="1">
      <alignment horizontal="left" vertical="center" indent="1" shrinkToFit="1"/>
    </xf>
    <xf numFmtId="0" fontId="6" fillId="0" borderId="4" xfId="0" applyFont="1" applyBorder="1" applyAlignment="1">
      <alignment horizontal="left" vertical="center" indent="1" shrinkToFit="1"/>
    </xf>
    <xf numFmtId="0" fontId="6" fillId="0" borderId="5" xfId="0" applyFont="1" applyBorder="1" applyAlignment="1">
      <alignment horizontal="left" vertical="center" indent="1" shrinkToFit="1"/>
    </xf>
    <xf numFmtId="0" fontId="6" fillId="0" borderId="13" xfId="0" applyFont="1" applyBorder="1" applyAlignment="1">
      <alignment horizontal="center"/>
    </xf>
    <xf numFmtId="0" fontId="6" fillId="0" borderId="20" xfId="0" applyFont="1" applyBorder="1" applyAlignment="1">
      <alignment horizontal="center"/>
    </xf>
    <xf numFmtId="178" fontId="18" fillId="0" borderId="0" xfId="0" applyNumberFormat="1" applyFont="1" applyAlignment="1">
      <alignment horizontal="right" vertical="center"/>
    </xf>
    <xf numFmtId="0" fontId="6" fillId="0" borderId="34" xfId="0" applyFont="1" applyBorder="1" applyAlignment="1">
      <alignment horizontal="distributed" vertical="center" justifyLastLine="1"/>
    </xf>
    <xf numFmtId="176" fontId="6" fillId="0" borderId="56" xfId="0" applyNumberFormat="1" applyFont="1" applyBorder="1" applyAlignment="1" applyProtection="1">
      <alignment horizontal="center" vertical="center"/>
      <protection locked="0"/>
    </xf>
    <xf numFmtId="0" fontId="3" fillId="0" borderId="0" xfId="0" applyFont="1" applyAlignment="1">
      <alignment horizontal="left" vertical="center" indent="1"/>
    </xf>
    <xf numFmtId="0" fontId="3" fillId="0" borderId="6" xfId="0" applyFont="1" applyBorder="1" applyAlignment="1">
      <alignment horizontal="left" vertical="center" indent="1"/>
    </xf>
    <xf numFmtId="0" fontId="10" fillId="0" borderId="0" xfId="0" applyFont="1" applyAlignment="1">
      <alignment horizontal="center" vertical="center" wrapText="1"/>
    </xf>
    <xf numFmtId="0" fontId="10" fillId="0" borderId="6" xfId="0" applyFont="1" applyBorder="1" applyAlignment="1">
      <alignment horizontal="center" vertical="center" wrapText="1"/>
    </xf>
    <xf numFmtId="181" fontId="6" fillId="0" borderId="24" xfId="0" applyNumberFormat="1" applyFont="1" applyBorder="1" applyAlignment="1" applyProtection="1">
      <alignment horizontal="center" vertical="center"/>
      <protection locked="0"/>
    </xf>
    <xf numFmtId="181" fontId="6" fillId="0" borderId="13" xfId="0" applyNumberFormat="1" applyFont="1" applyBorder="1" applyAlignment="1" applyProtection="1">
      <alignment horizontal="center" vertical="center"/>
      <protection locked="0"/>
    </xf>
    <xf numFmtId="181" fontId="6" fillId="0" borderId="14" xfId="0" applyNumberFormat="1" applyFont="1" applyBorder="1" applyAlignment="1" applyProtection="1">
      <alignment horizontal="center" vertical="center"/>
      <protection locked="0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178" fontId="3" fillId="0" borderId="0" xfId="0" applyNumberFormat="1" applyFont="1" applyAlignment="1">
      <alignment horizontal="right" vertical="center"/>
    </xf>
    <xf numFmtId="178" fontId="12" fillId="0" borderId="0" xfId="0" applyNumberFormat="1" applyFont="1" applyAlignment="1">
      <alignment horizontal="right" vertical="center"/>
    </xf>
    <xf numFmtId="178" fontId="12" fillId="0" borderId="6" xfId="0" applyNumberFormat="1" applyFont="1" applyBorder="1" applyAlignment="1">
      <alignment horizontal="right" vertical="center"/>
    </xf>
    <xf numFmtId="0" fontId="6" fillId="0" borderId="0" xfId="0" applyFont="1" applyAlignment="1">
      <alignment horizontal="left" vertical="center" indent="1"/>
    </xf>
    <xf numFmtId="0" fontId="6" fillId="0" borderId="3" xfId="0" applyFont="1" applyBorder="1" applyAlignment="1">
      <alignment horizontal="left" vertical="center" indent="1"/>
    </xf>
    <xf numFmtId="0" fontId="6" fillId="0" borderId="6" xfId="0" applyFont="1" applyBorder="1" applyAlignment="1">
      <alignment horizontal="left" vertical="center" indent="1"/>
    </xf>
    <xf numFmtId="176" fontId="6" fillId="0" borderId="0" xfId="0" applyNumberFormat="1" applyFont="1" applyAlignment="1" applyProtection="1">
      <alignment horizontal="right" vertical="center"/>
      <protection locked="0"/>
    </xf>
    <xf numFmtId="178" fontId="8" fillId="0" borderId="4" xfId="0" applyNumberFormat="1" applyFont="1" applyBorder="1" applyAlignment="1">
      <alignment horizontal="right" vertical="center"/>
    </xf>
    <xf numFmtId="178" fontId="8" fillId="0" borderId="5" xfId="0" applyNumberFormat="1" applyFont="1" applyBorder="1" applyAlignment="1">
      <alignment horizontal="right" vertical="center"/>
    </xf>
    <xf numFmtId="178" fontId="8" fillId="0" borderId="3" xfId="0" applyNumberFormat="1" applyFont="1" applyBorder="1" applyAlignment="1">
      <alignment horizontal="right" vertical="center"/>
    </xf>
    <xf numFmtId="42" fontId="8" fillId="0" borderId="0" xfId="0" applyNumberFormat="1" applyFont="1" applyAlignment="1">
      <alignment horizontal="right" vertical="center"/>
    </xf>
    <xf numFmtId="42" fontId="8" fillId="0" borderId="3" xfId="0" applyNumberFormat="1" applyFont="1" applyBorder="1" applyAlignment="1">
      <alignment horizontal="right" vertical="center"/>
    </xf>
    <xf numFmtId="178" fontId="18" fillId="0" borderId="13" xfId="0" applyNumberFormat="1" applyFont="1" applyBorder="1" applyAlignment="1">
      <alignment horizontal="right" vertical="center"/>
    </xf>
    <xf numFmtId="178" fontId="18" fillId="0" borderId="14" xfId="0" applyNumberFormat="1" applyFont="1" applyBorder="1" applyAlignment="1">
      <alignment horizontal="right" vertical="center"/>
    </xf>
    <xf numFmtId="0" fontId="13" fillId="0" borderId="1" xfId="0" applyFont="1" applyBorder="1" applyAlignment="1">
      <alignment horizontal="distributed" vertical="center" wrapText="1" indent="1"/>
    </xf>
    <xf numFmtId="0" fontId="13" fillId="0" borderId="0" xfId="0" applyFont="1" applyAlignment="1">
      <alignment horizontal="distributed" vertical="center" indent="1"/>
    </xf>
    <xf numFmtId="0" fontId="13" fillId="0" borderId="6" xfId="0" applyFont="1" applyBorder="1" applyAlignment="1">
      <alignment horizontal="distributed" vertical="center" indent="1"/>
    </xf>
    <xf numFmtId="0" fontId="6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176" fontId="11" fillId="0" borderId="38" xfId="0" applyNumberFormat="1" applyFont="1" applyBorder="1" applyAlignment="1">
      <alignment horizontal="center" vertical="center"/>
    </xf>
    <xf numFmtId="176" fontId="11" fillId="0" borderId="31" xfId="0" applyNumberFormat="1" applyFont="1" applyBorder="1" applyAlignment="1">
      <alignment horizontal="center" vertical="center"/>
    </xf>
    <xf numFmtId="176" fontId="11" fillId="0" borderId="32" xfId="0" applyNumberFormat="1" applyFont="1" applyBorder="1" applyAlignment="1">
      <alignment horizontal="center" vertical="center"/>
    </xf>
    <xf numFmtId="186" fontId="11" fillId="0" borderId="4" xfId="0" applyNumberFormat="1" applyFont="1" applyBorder="1" applyAlignment="1">
      <alignment horizontal="center" vertical="center"/>
    </xf>
    <xf numFmtId="186" fontId="11" fillId="0" borderId="8" xfId="0" applyNumberFormat="1" applyFont="1" applyBorder="1" applyAlignment="1">
      <alignment horizontal="center" vertical="center"/>
    </xf>
    <xf numFmtId="192" fontId="6" fillId="0" borderId="0" xfId="0" applyNumberFormat="1" applyFont="1" applyAlignment="1">
      <alignment horizontal="center" vertical="center"/>
    </xf>
    <xf numFmtId="192" fontId="6" fillId="0" borderId="3" xfId="0" applyNumberFormat="1" applyFont="1" applyBorder="1" applyAlignment="1">
      <alignment horizontal="center" vertical="center"/>
    </xf>
    <xf numFmtId="192" fontId="11" fillId="0" borderId="4" xfId="0" applyNumberFormat="1" applyFont="1" applyBorder="1" applyAlignment="1">
      <alignment horizontal="center" vertical="center"/>
    </xf>
    <xf numFmtId="192" fontId="11" fillId="0" borderId="5" xfId="0" applyNumberFormat="1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 justifyLastLine="1" shrinkToFit="1"/>
    </xf>
    <xf numFmtId="0" fontId="6" fillId="0" borderId="14" xfId="0" applyFont="1" applyBorder="1" applyAlignment="1">
      <alignment horizontal="center" vertical="center" justifyLastLine="1" shrinkToFit="1"/>
    </xf>
    <xf numFmtId="0" fontId="6" fillId="0" borderId="15" xfId="0" applyFont="1" applyBorder="1" applyAlignment="1">
      <alignment horizontal="center" vertical="center" justifyLastLine="1" shrinkToFit="1"/>
    </xf>
    <xf numFmtId="0" fontId="6" fillId="0" borderId="61" xfId="0" applyFont="1" applyBorder="1" applyAlignment="1">
      <alignment horizontal="center" vertical="center" justifyLastLine="1" shrinkToFit="1"/>
    </xf>
    <xf numFmtId="0" fontId="6" fillId="0" borderId="15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40" xfId="0" applyFont="1" applyBorder="1" applyAlignment="1">
      <alignment horizontal="center" vertical="center"/>
    </xf>
    <xf numFmtId="38" fontId="6" fillId="0" borderId="31" xfId="2" applyFont="1" applyFill="1" applyBorder="1" applyAlignment="1" applyProtection="1">
      <alignment horizontal="right" vertical="center" indent="1"/>
      <protection locked="0"/>
    </xf>
    <xf numFmtId="178" fontId="6" fillId="0" borderId="32" xfId="0" applyNumberFormat="1" applyFont="1" applyBorder="1" applyAlignment="1">
      <alignment horizontal="right" vertical="center"/>
    </xf>
    <xf numFmtId="178" fontId="6" fillId="0" borderId="41" xfId="0" applyNumberFormat="1" applyFont="1" applyBorder="1" applyAlignment="1">
      <alignment horizontal="right" vertical="center"/>
    </xf>
    <xf numFmtId="178" fontId="6" fillId="0" borderId="30" xfId="0" applyNumberFormat="1" applyFont="1" applyBorder="1" applyAlignment="1">
      <alignment horizontal="right" vertical="center"/>
    </xf>
    <xf numFmtId="0" fontId="6" fillId="0" borderId="9" xfId="0" applyFont="1" applyBorder="1" applyAlignment="1">
      <alignment horizontal="right" vertical="center"/>
    </xf>
    <xf numFmtId="0" fontId="6" fillId="0" borderId="0" xfId="0" applyFont="1" applyAlignment="1">
      <alignment horizontal="right" vertical="center"/>
    </xf>
    <xf numFmtId="180" fontId="6" fillId="0" borderId="9" xfId="0" applyNumberFormat="1" applyFont="1" applyBorder="1" applyAlignment="1">
      <alignment horizontal="distributed" vertical="center" indent="1"/>
    </xf>
    <xf numFmtId="180" fontId="6" fillId="0" borderId="0" xfId="0" applyNumberFormat="1" applyFont="1" applyAlignment="1">
      <alignment horizontal="distributed" vertical="center" indent="1"/>
    </xf>
    <xf numFmtId="180" fontId="6" fillId="0" borderId="6" xfId="0" applyNumberFormat="1" applyFont="1" applyBorder="1" applyAlignment="1">
      <alignment horizontal="distributed" vertical="center" indent="1"/>
    </xf>
    <xf numFmtId="181" fontId="6" fillId="0" borderId="9" xfId="0" applyNumberFormat="1" applyFont="1" applyBorder="1" applyAlignment="1" applyProtection="1">
      <alignment horizontal="center" vertical="center"/>
      <protection locked="0"/>
    </xf>
    <xf numFmtId="181" fontId="6" fillId="0" borderId="0" xfId="0" applyNumberFormat="1" applyFont="1" applyAlignment="1" applyProtection="1">
      <alignment horizontal="center" vertical="center"/>
      <protection locked="0"/>
    </xf>
    <xf numFmtId="181" fontId="6" fillId="0" borderId="6" xfId="0" applyNumberFormat="1" applyFont="1" applyBorder="1" applyAlignment="1" applyProtection="1">
      <alignment horizontal="center" vertical="center"/>
      <protection locked="0"/>
    </xf>
    <xf numFmtId="177" fontId="6" fillId="0" borderId="33" xfId="0" applyNumberFormat="1" applyFont="1" applyBorder="1" applyAlignment="1">
      <alignment horizontal="center" vertical="center"/>
    </xf>
    <xf numFmtId="177" fontId="6" fillId="0" borderId="11" xfId="0" applyNumberFormat="1" applyFont="1" applyBorder="1" applyAlignment="1">
      <alignment horizontal="center" vertical="center"/>
    </xf>
    <xf numFmtId="177" fontId="6" fillId="0" borderId="12" xfId="0" applyNumberFormat="1" applyFont="1" applyBorder="1" applyAlignment="1">
      <alignment horizontal="center" vertical="center"/>
    </xf>
    <xf numFmtId="181" fontId="6" fillId="0" borderId="3" xfId="0" applyNumberFormat="1" applyFont="1" applyBorder="1" applyAlignment="1" applyProtection="1">
      <alignment horizontal="center" vertical="center"/>
      <protection locked="0"/>
    </xf>
    <xf numFmtId="177" fontId="6" fillId="0" borderId="33" xfId="0" applyNumberFormat="1" applyFont="1" applyBorder="1" applyAlignment="1">
      <alignment horizontal="distributed" vertical="center" indent="1"/>
    </xf>
    <xf numFmtId="177" fontId="6" fillId="0" borderId="11" xfId="0" applyNumberFormat="1" applyFont="1" applyBorder="1" applyAlignment="1">
      <alignment horizontal="distributed" vertical="center" indent="1"/>
    </xf>
    <xf numFmtId="177" fontId="6" fillId="0" borderId="27" xfId="0" applyNumberFormat="1" applyFont="1" applyBorder="1" applyAlignment="1">
      <alignment horizontal="distributed" vertical="center" indent="1"/>
    </xf>
    <xf numFmtId="0" fontId="6" fillId="0" borderId="25" xfId="0" applyFont="1" applyBorder="1" applyAlignment="1">
      <alignment horizontal="distributed" vertical="center" indent="1"/>
    </xf>
    <xf numFmtId="0" fontId="6" fillId="0" borderId="13" xfId="0" applyFont="1" applyBorder="1" applyAlignment="1">
      <alignment horizontal="distributed" vertical="center" indent="1"/>
    </xf>
    <xf numFmtId="0" fontId="6" fillId="0" borderId="20" xfId="0" applyFont="1" applyBorder="1" applyAlignment="1">
      <alignment horizontal="distributed" vertical="center" indent="1"/>
    </xf>
    <xf numFmtId="0" fontId="6" fillId="0" borderId="1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6" xfId="0" applyFont="1" applyBorder="1" applyAlignment="1">
      <alignment horizontal="distributed" vertical="center" indent="1"/>
    </xf>
    <xf numFmtId="181" fontId="6" fillId="0" borderId="9" xfId="2" applyNumberFormat="1" applyFont="1" applyFill="1" applyBorder="1" applyAlignment="1" applyProtection="1">
      <alignment horizontal="center" vertical="center"/>
      <protection locked="0"/>
    </xf>
    <xf numFmtId="181" fontId="6" fillId="0" borderId="0" xfId="2" applyNumberFormat="1" applyFont="1" applyFill="1" applyBorder="1" applyAlignment="1" applyProtection="1">
      <alignment horizontal="center" vertical="center"/>
      <protection locked="0"/>
    </xf>
    <xf numFmtId="181" fontId="6" fillId="0" borderId="3" xfId="2" applyNumberFormat="1" applyFont="1" applyFill="1" applyBorder="1" applyAlignment="1" applyProtection="1">
      <alignment horizontal="center" vertical="center"/>
      <protection locked="0"/>
    </xf>
    <xf numFmtId="191" fontId="6" fillId="0" borderId="0" xfId="0" applyNumberFormat="1" applyFont="1" applyAlignment="1" applyProtection="1">
      <alignment horizontal="right" vertical="center" shrinkToFit="1"/>
      <protection locked="0"/>
    </xf>
    <xf numFmtId="182" fontId="6" fillId="0" borderId="4" xfId="0" applyNumberFormat="1" applyFont="1" applyBorder="1" applyAlignment="1" applyProtection="1">
      <alignment horizontal="right" vertical="center" indent="6"/>
      <protection locked="0"/>
    </xf>
    <xf numFmtId="182" fontId="6" fillId="0" borderId="5" xfId="0" applyNumberFormat="1" applyFont="1" applyBorder="1" applyAlignment="1" applyProtection="1">
      <alignment horizontal="right" vertical="center" indent="6"/>
      <protection locked="0"/>
    </xf>
    <xf numFmtId="42" fontId="23" fillId="0" borderId="0" xfId="0" applyNumberFormat="1" applyFont="1" applyAlignment="1" applyProtection="1">
      <alignment horizontal="right" vertical="center" shrinkToFit="1"/>
      <protection locked="0"/>
    </xf>
    <xf numFmtId="42" fontId="23" fillId="0" borderId="3" xfId="0" applyNumberFormat="1" applyFont="1" applyBorder="1" applyAlignment="1" applyProtection="1">
      <alignment horizontal="right" vertical="center" shrinkToFit="1"/>
      <protection locked="0"/>
    </xf>
    <xf numFmtId="192" fontId="6" fillId="0" borderId="0" xfId="0" applyNumberFormat="1" applyFont="1" applyAlignment="1" applyProtection="1">
      <alignment horizontal="center" vertical="center" shrinkToFit="1"/>
      <protection locked="0"/>
    </xf>
    <xf numFmtId="192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13" xfId="0" applyFont="1" applyBorder="1" applyAlignment="1">
      <alignment horizontal="center" shrinkToFit="1"/>
    </xf>
    <xf numFmtId="0" fontId="6" fillId="0" borderId="20" xfId="0" applyFont="1" applyBorder="1" applyAlignment="1">
      <alignment horizontal="center" shrinkToFit="1"/>
    </xf>
    <xf numFmtId="187" fontId="6" fillId="0" borderId="0" xfId="0" applyNumberFormat="1" applyFont="1" applyAlignment="1" applyProtection="1">
      <alignment horizontal="center" vertical="center" shrinkToFit="1"/>
      <protection locked="0"/>
    </xf>
    <xf numFmtId="0" fontId="9" fillId="0" borderId="0" xfId="0" applyFont="1" applyAlignment="1">
      <alignment horizontal="center" vertical="center"/>
    </xf>
    <xf numFmtId="0" fontId="6" fillId="0" borderId="42" xfId="0" applyFont="1" applyBorder="1" applyAlignment="1">
      <alignment horizontal="center" vertical="center"/>
    </xf>
    <xf numFmtId="0" fontId="6" fillId="0" borderId="41" xfId="0" applyFont="1" applyBorder="1" applyAlignment="1">
      <alignment horizontal="center" vertical="center"/>
    </xf>
    <xf numFmtId="0" fontId="6" fillId="0" borderId="43" xfId="0" applyFont="1" applyBorder="1" applyAlignment="1">
      <alignment horizontal="distributed" vertical="center" indent="1"/>
    </xf>
    <xf numFmtId="0" fontId="6" fillId="0" borderId="28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6" fillId="0" borderId="44" xfId="0" applyFont="1" applyBorder="1" applyAlignment="1">
      <alignment horizontal="center" vertical="center"/>
    </xf>
    <xf numFmtId="0" fontId="6" fillId="0" borderId="43" xfId="0" applyFont="1" applyBorder="1" applyAlignment="1">
      <alignment horizontal="center" vertical="center"/>
    </xf>
    <xf numFmtId="0" fontId="6" fillId="0" borderId="27" xfId="0" applyFont="1" applyBorder="1" applyAlignment="1">
      <alignment horizontal="distributed" vertical="center" indent="1"/>
    </xf>
    <xf numFmtId="0" fontId="6" fillId="0" borderId="29" xfId="0" applyFont="1" applyBorder="1" applyAlignment="1">
      <alignment horizontal="distributed" vertical="center" indent="1"/>
    </xf>
    <xf numFmtId="0" fontId="6" fillId="0" borderId="33" xfId="0" applyFont="1" applyBorder="1" applyAlignment="1">
      <alignment horizontal="distributed" vertical="center" indent="1"/>
    </xf>
    <xf numFmtId="0" fontId="6" fillId="0" borderId="24" xfId="0" applyFont="1" applyBorder="1" applyAlignment="1">
      <alignment horizontal="right" vertical="center"/>
    </xf>
    <xf numFmtId="0" fontId="6" fillId="0" borderId="13" xfId="0" applyFont="1" applyBorder="1" applyAlignment="1">
      <alignment horizontal="right" vertical="center"/>
    </xf>
    <xf numFmtId="0" fontId="27" fillId="0" borderId="0" xfId="0" applyFont="1" applyAlignment="1">
      <alignment horizontal="distributed" vertical="center" indent="1"/>
    </xf>
    <xf numFmtId="0" fontId="6" fillId="0" borderId="50" xfId="0" applyFont="1" applyBorder="1" applyAlignment="1">
      <alignment horizontal="center" vertical="center" wrapText="1"/>
    </xf>
    <xf numFmtId="0" fontId="6" fillId="0" borderId="5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52" xfId="0" applyFont="1" applyBorder="1" applyAlignment="1">
      <alignment horizontal="center" vertical="center" wrapText="1"/>
    </xf>
    <xf numFmtId="176" fontId="6" fillId="0" borderId="6" xfId="0" applyNumberFormat="1" applyFont="1" applyBorder="1" applyAlignment="1" applyProtection="1">
      <alignment horizontal="right" vertical="center" indent="1"/>
      <protection locked="0"/>
    </xf>
    <xf numFmtId="0" fontId="23" fillId="0" borderId="2" xfId="0" applyFont="1" applyBorder="1" applyAlignment="1">
      <alignment horizontal="center" vertical="center"/>
    </xf>
    <xf numFmtId="0" fontId="23" fillId="0" borderId="15" xfId="0" applyFont="1" applyBorder="1" applyAlignment="1">
      <alignment horizontal="center" vertical="center"/>
    </xf>
    <xf numFmtId="0" fontId="23" fillId="0" borderId="16" xfId="0" applyFont="1" applyBorder="1" applyAlignment="1">
      <alignment horizontal="center" vertical="center" shrinkToFit="1"/>
    </xf>
    <xf numFmtId="0" fontId="23" fillId="0" borderId="17" xfId="0" applyFont="1" applyBorder="1" applyAlignment="1">
      <alignment horizontal="center" vertical="center" shrinkToFit="1"/>
    </xf>
    <xf numFmtId="0" fontId="23" fillId="0" borderId="18" xfId="0" applyFont="1" applyBorder="1" applyAlignment="1">
      <alignment horizontal="center" vertical="center" shrinkToFit="1"/>
    </xf>
    <xf numFmtId="0" fontId="23" fillId="0" borderId="19" xfId="0" applyFont="1" applyBorder="1" applyAlignment="1">
      <alignment horizontal="center" vertical="center" shrinkToFit="1"/>
    </xf>
    <xf numFmtId="0" fontId="23" fillId="0" borderId="11" xfId="0" applyFont="1" applyBorder="1" applyAlignment="1">
      <alignment horizontal="center" vertical="center"/>
    </xf>
    <xf numFmtId="0" fontId="23" fillId="0" borderId="27" xfId="0" applyFont="1" applyBorder="1" applyAlignment="1">
      <alignment horizontal="center" vertical="center"/>
    </xf>
    <xf numFmtId="187" fontId="11" fillId="0" borderId="13" xfId="2" applyNumberFormat="1" applyFont="1" applyFill="1" applyBorder="1" applyAlignment="1" applyProtection="1">
      <alignment horizontal="right" vertical="center" indent="1"/>
    </xf>
    <xf numFmtId="0" fontId="0" fillId="0" borderId="13" xfId="0" applyBorder="1" applyAlignment="1">
      <alignment horizontal="right" vertical="center"/>
    </xf>
    <xf numFmtId="0" fontId="6" fillId="0" borderId="34" xfId="0" applyFont="1" applyBorder="1" applyAlignment="1">
      <alignment horizontal="distributed" vertical="center" indent="1"/>
    </xf>
    <xf numFmtId="0" fontId="6" fillId="0" borderId="48" xfId="0" applyFont="1" applyBorder="1" applyAlignment="1">
      <alignment horizontal="distributed" vertical="center" indent="1"/>
    </xf>
    <xf numFmtId="0" fontId="19" fillId="0" borderId="32" xfId="0" applyFont="1" applyBorder="1" applyAlignment="1" applyProtection="1">
      <alignment horizontal="right" vertical="center" indent="1"/>
      <protection locked="0"/>
    </xf>
    <xf numFmtId="0" fontId="19" fillId="0" borderId="41" xfId="0" applyFont="1" applyBorder="1" applyAlignment="1" applyProtection="1">
      <alignment horizontal="right" vertical="center" indent="1"/>
      <protection locked="0"/>
    </xf>
    <xf numFmtId="0" fontId="19" fillId="0" borderId="49" xfId="0" applyFont="1" applyBorder="1" applyAlignment="1" applyProtection="1">
      <alignment horizontal="right" vertical="center" indent="1"/>
      <protection locked="0"/>
    </xf>
    <xf numFmtId="192" fontId="6" fillId="0" borderId="3" xfId="0" applyNumberFormat="1" applyFont="1" applyBorder="1" applyAlignment="1" applyProtection="1">
      <alignment horizontal="right" vertical="center" shrinkToFit="1"/>
      <protection locked="0"/>
    </xf>
    <xf numFmtId="192" fontId="6" fillId="0" borderId="4" xfId="0" applyNumberFormat="1" applyFont="1" applyBorder="1" applyAlignment="1" applyProtection="1">
      <alignment horizontal="right" vertical="center" shrinkToFit="1"/>
      <protection locked="0"/>
    </xf>
    <xf numFmtId="192" fontId="6" fillId="0" borderId="5" xfId="0" applyNumberFormat="1" applyFont="1" applyBorder="1" applyAlignment="1" applyProtection="1">
      <alignment horizontal="right" vertical="center" shrinkToFit="1"/>
      <protection locked="0"/>
    </xf>
    <xf numFmtId="0" fontId="6" fillId="0" borderId="56" xfId="0" applyFont="1" applyBorder="1" applyAlignment="1">
      <alignment horizontal="center" vertical="center" wrapText="1"/>
    </xf>
    <xf numFmtId="0" fontId="6" fillId="0" borderId="57" xfId="0" applyFont="1" applyBorder="1" applyAlignment="1">
      <alignment horizontal="center" vertical="center" wrapText="1"/>
    </xf>
    <xf numFmtId="0" fontId="6" fillId="0" borderId="42" xfId="0" applyFont="1" applyBorder="1" applyAlignment="1">
      <alignment horizontal="center" vertical="center" wrapText="1"/>
    </xf>
    <xf numFmtId="0" fontId="6" fillId="0" borderId="28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distributed" vertical="center" indent="3"/>
    </xf>
    <xf numFmtId="0" fontId="6" fillId="0" borderId="12" xfId="0" applyFont="1" applyBorder="1" applyAlignment="1">
      <alignment horizontal="distributed" vertical="center" indent="3"/>
    </xf>
    <xf numFmtId="191" fontId="6" fillId="0" borderId="4" xfId="0" applyNumberFormat="1" applyFont="1" applyBorder="1" applyAlignment="1" applyProtection="1">
      <alignment horizontal="right" vertical="center" shrinkToFit="1"/>
      <protection locked="0"/>
    </xf>
    <xf numFmtId="176" fontId="11" fillId="0" borderId="0" xfId="0" applyNumberFormat="1" applyFont="1" applyAlignment="1">
      <alignment horizontal="right" vertical="center"/>
    </xf>
    <xf numFmtId="176" fontId="11" fillId="0" borderId="3" xfId="0" applyNumberFormat="1" applyFont="1" applyBorder="1" applyAlignment="1">
      <alignment horizontal="right" vertical="center"/>
    </xf>
    <xf numFmtId="42" fontId="24" fillId="0" borderId="0" xfId="0" applyNumberFormat="1" applyFont="1" applyAlignment="1" applyProtection="1">
      <alignment horizontal="right" vertical="center" shrinkToFit="1"/>
      <protection locked="0"/>
    </xf>
    <xf numFmtId="42" fontId="24" fillId="0" borderId="3" xfId="0" applyNumberFormat="1" applyFont="1" applyBorder="1" applyAlignment="1" applyProtection="1">
      <alignment horizontal="right" vertical="center" shrinkToFit="1"/>
      <protection locked="0"/>
    </xf>
    <xf numFmtId="0" fontId="6" fillId="0" borderId="10" xfId="0" applyFont="1" applyBorder="1" applyAlignment="1">
      <alignment horizontal="right" vertical="center"/>
    </xf>
    <xf numFmtId="0" fontId="6" fillId="0" borderId="4" xfId="0" applyFont="1" applyBorder="1" applyAlignment="1">
      <alignment horizontal="right" vertical="center"/>
    </xf>
    <xf numFmtId="187" fontId="11" fillId="0" borderId="3" xfId="0" applyNumberFormat="1" applyFont="1" applyBorder="1" applyAlignment="1">
      <alignment horizontal="right" vertical="center" shrinkToFit="1"/>
    </xf>
    <xf numFmtId="0" fontId="6" fillId="0" borderId="33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176" fontId="6" fillId="0" borderId="4" xfId="0" applyNumberFormat="1" applyFont="1" applyBorder="1" applyAlignment="1" applyProtection="1">
      <alignment horizontal="right" vertical="center" indent="1"/>
      <protection locked="0"/>
    </xf>
    <xf numFmtId="176" fontId="6" fillId="0" borderId="8" xfId="0" applyNumberFormat="1" applyFont="1" applyBorder="1" applyAlignment="1" applyProtection="1">
      <alignment horizontal="right" vertical="center" indent="1"/>
      <protection locked="0"/>
    </xf>
    <xf numFmtId="177" fontId="6" fillId="0" borderId="53" xfId="0" applyNumberFormat="1" applyFont="1" applyBorder="1" applyAlignment="1">
      <alignment horizontal="distributed" vertical="center" indent="1"/>
    </xf>
    <xf numFmtId="0" fontId="6" fillId="0" borderId="53" xfId="0" applyFont="1" applyBorder="1" applyAlignment="1">
      <alignment horizontal="distributed" vertical="center" indent="1"/>
    </xf>
    <xf numFmtId="177" fontId="6" fillId="0" borderId="12" xfId="0" applyNumberFormat="1" applyFont="1" applyBorder="1" applyAlignment="1">
      <alignment horizontal="distributed" vertical="center" indent="1"/>
    </xf>
    <xf numFmtId="0" fontId="6" fillId="0" borderId="33" xfId="0" applyFont="1" applyBorder="1" applyAlignment="1">
      <alignment horizontal="distributed" vertical="center" justifyLastLine="1"/>
    </xf>
    <xf numFmtId="0" fontId="6" fillId="0" borderId="11" xfId="0" applyFont="1" applyBorder="1" applyAlignment="1">
      <alignment horizontal="distributed" vertical="center" justifyLastLine="1"/>
    </xf>
    <xf numFmtId="0" fontId="6" fillId="0" borderId="27" xfId="0" applyFont="1" applyBorder="1" applyAlignment="1">
      <alignment horizontal="distributed" vertical="center" justifyLastLine="1"/>
    </xf>
    <xf numFmtId="0" fontId="6" fillId="0" borderId="46" xfId="0" applyFont="1" applyBorder="1" applyAlignment="1">
      <alignment horizontal="distributed" vertical="center" indent="1"/>
    </xf>
    <xf numFmtId="0" fontId="6" fillId="0" borderId="5" xfId="0" applyFont="1" applyBorder="1" applyAlignment="1">
      <alignment horizontal="center" vertical="center" wrapText="1"/>
    </xf>
    <xf numFmtId="0" fontId="6" fillId="0" borderId="54" xfId="0" applyFont="1" applyBorder="1" applyAlignment="1">
      <alignment horizontal="center" vertical="center" wrapText="1"/>
    </xf>
    <xf numFmtId="0" fontId="6" fillId="0" borderId="55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distributed" textRotation="255" justifyLastLine="1"/>
    </xf>
    <xf numFmtId="0" fontId="6" fillId="0" borderId="23" xfId="0" applyFont="1" applyBorder="1" applyAlignment="1">
      <alignment horizontal="center" vertical="distributed" textRotation="255" justifyLastLine="1"/>
    </xf>
    <xf numFmtId="0" fontId="6" fillId="0" borderId="15" xfId="0" applyFont="1" applyBorder="1" applyAlignment="1">
      <alignment horizontal="distributed" vertical="center" indent="1"/>
    </xf>
    <xf numFmtId="0" fontId="6" fillId="0" borderId="21" xfId="0" applyFont="1" applyBorder="1" applyAlignment="1">
      <alignment horizontal="distributed" vertical="center" indent="1"/>
    </xf>
    <xf numFmtId="0" fontId="6" fillId="0" borderId="9" xfId="0" applyFont="1" applyBorder="1" applyAlignment="1">
      <alignment horizontal="distributed" vertical="center" indent="1"/>
    </xf>
    <xf numFmtId="0" fontId="6" fillId="0" borderId="37" xfId="0" applyFont="1" applyBorder="1" applyAlignment="1">
      <alignment horizontal="distributed" vertical="center" indent="1"/>
    </xf>
    <xf numFmtId="0" fontId="23" fillId="0" borderId="39" xfId="0" applyFont="1" applyBorder="1" applyAlignment="1">
      <alignment horizontal="center" vertical="center"/>
    </xf>
    <xf numFmtId="0" fontId="23" fillId="0" borderId="36" xfId="0" applyFont="1" applyBorder="1" applyAlignment="1">
      <alignment horizontal="center" vertical="center"/>
    </xf>
    <xf numFmtId="0" fontId="23" fillId="0" borderId="40" xfId="0" applyFont="1" applyBorder="1" applyAlignment="1">
      <alignment horizontal="center" vertical="center"/>
    </xf>
    <xf numFmtId="0" fontId="23" fillId="0" borderId="21" xfId="0" applyFont="1" applyBorder="1" applyAlignment="1">
      <alignment horizontal="center" vertical="center"/>
    </xf>
    <xf numFmtId="187" fontId="11" fillId="0" borderId="24" xfId="0" applyNumberFormat="1" applyFont="1" applyBorder="1" applyAlignment="1">
      <alignment horizontal="right" vertical="center" indent="1"/>
    </xf>
    <xf numFmtId="187" fontId="6" fillId="0" borderId="9" xfId="0" applyNumberFormat="1" applyFont="1" applyBorder="1" applyAlignment="1" applyProtection="1">
      <alignment horizontal="right" vertical="center" indent="1" shrinkToFit="1"/>
      <protection locked="0"/>
    </xf>
    <xf numFmtId="187" fontId="6" fillId="0" borderId="0" xfId="0" applyNumberFormat="1" applyFont="1" applyAlignment="1" applyProtection="1">
      <alignment horizontal="right" vertical="center" indent="1" shrinkToFit="1"/>
      <protection locked="0"/>
    </xf>
    <xf numFmtId="0" fontId="6" fillId="0" borderId="1" xfId="0" applyFont="1" applyBorder="1" applyAlignment="1">
      <alignment horizontal="center" vertical="center" justifyLastLine="1"/>
    </xf>
    <xf numFmtId="0" fontId="6" fillId="0" borderId="0" xfId="0" applyFont="1" applyAlignment="1">
      <alignment horizontal="center" vertical="center" justifyLastLine="1"/>
    </xf>
    <xf numFmtId="0" fontId="6" fillId="0" borderId="6" xfId="0" applyFont="1" applyBorder="1" applyAlignment="1">
      <alignment horizontal="center" vertical="center" justifyLastLine="1"/>
    </xf>
    <xf numFmtId="0" fontId="11" fillId="0" borderId="25" xfId="0" applyFont="1" applyBorder="1" applyAlignment="1">
      <alignment horizontal="distributed" vertical="center" indent="1"/>
    </xf>
    <xf numFmtId="0" fontId="11" fillId="0" borderId="13" xfId="0" applyFont="1" applyBorder="1" applyAlignment="1">
      <alignment horizontal="distributed" vertical="center" indent="1"/>
    </xf>
    <xf numFmtId="0" fontId="11" fillId="0" borderId="20" xfId="0" applyFont="1" applyBorder="1" applyAlignment="1">
      <alignment horizontal="distributed" vertical="center" indent="1"/>
    </xf>
    <xf numFmtId="0" fontId="6" fillId="0" borderId="38" xfId="0" applyFont="1" applyBorder="1" applyAlignment="1">
      <alignment horizontal="distributed" vertical="center" indent="1"/>
    </xf>
    <xf numFmtId="0" fontId="6" fillId="0" borderId="31" xfId="0" applyFont="1" applyBorder="1" applyAlignment="1">
      <alignment horizontal="distributed" vertical="center" indent="1"/>
    </xf>
    <xf numFmtId="0" fontId="6" fillId="0" borderId="32" xfId="0" applyFont="1" applyBorder="1" applyAlignment="1">
      <alignment horizontal="distributed" vertical="center" indent="1"/>
    </xf>
    <xf numFmtId="0" fontId="6" fillId="0" borderId="58" xfId="0" applyFont="1" applyBorder="1" applyAlignment="1">
      <alignment horizontal="distributed" vertical="center" indent="1"/>
    </xf>
    <xf numFmtId="0" fontId="6" fillId="0" borderId="17" xfId="0" applyFont="1" applyBorder="1" applyAlignment="1">
      <alignment horizontal="distributed" vertical="center" indent="1"/>
    </xf>
    <xf numFmtId="0" fontId="6" fillId="0" borderId="19" xfId="0" applyFont="1" applyBorder="1" applyAlignment="1">
      <alignment horizontal="distributed" vertical="center" indent="1"/>
    </xf>
    <xf numFmtId="0" fontId="6" fillId="0" borderId="59" xfId="0" applyFont="1" applyBorder="1" applyAlignment="1">
      <alignment horizontal="center" vertical="distributed" textRotation="255" justifyLastLine="1"/>
    </xf>
    <xf numFmtId="176" fontId="6" fillId="0" borderId="13" xfId="0" applyNumberFormat="1" applyFont="1" applyBorder="1" applyAlignment="1" applyProtection="1">
      <alignment horizontal="right" vertical="center" indent="1"/>
      <protection locked="0"/>
    </xf>
    <xf numFmtId="176" fontId="6" fillId="0" borderId="14" xfId="0" applyNumberFormat="1" applyFont="1" applyBorder="1" applyAlignment="1" applyProtection="1">
      <alignment horizontal="right" vertical="center" indent="1"/>
      <protection locked="0"/>
    </xf>
    <xf numFmtId="176" fontId="23" fillId="0" borderId="0" xfId="0" applyNumberFormat="1" applyFont="1" applyAlignment="1" applyProtection="1">
      <alignment horizontal="right" vertical="center" indent="1"/>
      <protection locked="0"/>
    </xf>
    <xf numFmtId="176" fontId="23" fillId="0" borderId="3" xfId="0" applyNumberFormat="1" applyFont="1" applyBorder="1" applyAlignment="1" applyProtection="1">
      <alignment horizontal="right" vertical="center" indent="1"/>
      <protection locked="0"/>
    </xf>
    <xf numFmtId="0" fontId="23" fillId="0" borderId="9" xfId="0" applyFont="1" applyBorder="1" applyAlignment="1">
      <alignment horizontal="right" vertical="center"/>
    </xf>
    <xf numFmtId="0" fontId="23" fillId="0" borderId="0" xfId="0" applyFont="1" applyAlignment="1">
      <alignment horizontal="right" vertical="center"/>
    </xf>
    <xf numFmtId="0" fontId="23" fillId="0" borderId="0" xfId="0" applyFont="1" applyAlignment="1">
      <alignment horizontal="distributed" vertical="center" indent="1"/>
    </xf>
    <xf numFmtId="0" fontId="6" fillId="0" borderId="11" xfId="0" applyFont="1" applyBorder="1" applyAlignment="1">
      <alignment horizontal="distributed" vertical="center" indent="1"/>
    </xf>
    <xf numFmtId="0" fontId="6" fillId="0" borderId="12" xfId="0" applyFont="1" applyBorder="1" applyAlignment="1">
      <alignment horizontal="distributed" vertical="center" indent="1"/>
    </xf>
    <xf numFmtId="0" fontId="6" fillId="0" borderId="11" xfId="0" applyFont="1" applyBorder="1" applyAlignment="1">
      <alignment horizontal="distributed" vertical="center" indent="4"/>
    </xf>
    <xf numFmtId="0" fontId="6" fillId="0" borderId="27" xfId="0" applyFont="1" applyBorder="1" applyAlignment="1">
      <alignment horizontal="distributed" vertical="center" indent="4"/>
    </xf>
    <xf numFmtId="0" fontId="6" fillId="0" borderId="0" xfId="0" applyFont="1" applyAlignment="1">
      <alignment horizontal="distributed" vertical="center"/>
    </xf>
    <xf numFmtId="0" fontId="6" fillId="0" borderId="52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 wrapText="1"/>
    </xf>
    <xf numFmtId="0" fontId="6" fillId="0" borderId="27" xfId="0" applyFont="1" applyBorder="1" applyAlignment="1">
      <alignment horizontal="center" vertical="center" wrapText="1"/>
    </xf>
    <xf numFmtId="187" fontId="6" fillId="0" borderId="66" xfId="1" applyNumberFormat="1" applyFont="1" applyFill="1" applyBorder="1" applyAlignment="1" applyProtection="1">
      <alignment horizontal="right" vertical="center" indent="1"/>
      <protection locked="0"/>
    </xf>
    <xf numFmtId="187" fontId="6" fillId="0" borderId="4" xfId="1" applyNumberFormat="1" applyFont="1" applyFill="1" applyBorder="1" applyAlignment="1" applyProtection="1">
      <alignment horizontal="right" vertical="center" indent="1"/>
      <protection locked="0"/>
    </xf>
    <xf numFmtId="0" fontId="11" fillId="0" borderId="1" xfId="0" applyFont="1" applyBorder="1" applyAlignment="1">
      <alignment horizontal="distributed" vertical="center" indent="1"/>
    </xf>
    <xf numFmtId="0" fontId="11" fillId="0" borderId="0" xfId="0" applyFont="1" applyAlignment="1">
      <alignment horizontal="distributed" vertical="center" indent="1"/>
    </xf>
    <xf numFmtId="0" fontId="11" fillId="0" borderId="6" xfId="0" applyFont="1" applyBorder="1" applyAlignment="1">
      <alignment horizontal="distributed" vertical="center" indent="1"/>
    </xf>
    <xf numFmtId="0" fontId="11" fillId="0" borderId="0" xfId="0" applyFont="1" applyAlignment="1">
      <alignment horizontal="distributed" vertical="center"/>
    </xf>
    <xf numFmtId="176" fontId="6" fillId="0" borderId="4" xfId="0" applyNumberFormat="1" applyFont="1" applyBorder="1" applyAlignment="1" applyProtection="1">
      <alignment horizontal="right" vertical="center"/>
      <protection locked="0"/>
    </xf>
    <xf numFmtId="176" fontId="6" fillId="0" borderId="3" xfId="0" applyNumberFormat="1" applyFont="1" applyBorder="1" applyAlignment="1" applyProtection="1">
      <alignment horizontal="right" vertical="center"/>
      <protection locked="0"/>
    </xf>
    <xf numFmtId="176" fontId="6" fillId="0" borderId="5" xfId="0" applyNumberFormat="1" applyFont="1" applyBorder="1" applyAlignment="1" applyProtection="1">
      <alignment horizontal="right" vertical="center"/>
      <protection locked="0"/>
    </xf>
    <xf numFmtId="187" fontId="6" fillId="0" borderId="64" xfId="1" applyNumberFormat="1" applyFont="1" applyFill="1" applyBorder="1" applyAlignment="1" applyProtection="1">
      <alignment horizontal="right" vertical="center" indent="1"/>
      <protection locked="0"/>
    </xf>
    <xf numFmtId="187" fontId="6" fillId="0" borderId="65" xfId="1" applyNumberFormat="1" applyFont="1" applyFill="1" applyBorder="1" applyAlignment="1" applyProtection="1">
      <alignment horizontal="right" vertical="center" indent="1"/>
      <protection locked="0"/>
    </xf>
    <xf numFmtId="0" fontId="6" fillId="0" borderId="26" xfId="0" applyFont="1" applyBorder="1" applyAlignment="1">
      <alignment horizontal="distributed" vertical="center" indent="4"/>
    </xf>
    <xf numFmtId="0" fontId="6" fillId="0" borderId="40" xfId="0" applyFont="1" applyBorder="1" applyAlignment="1">
      <alignment horizontal="distributed" vertical="center" indent="1"/>
    </xf>
    <xf numFmtId="0" fontId="6" fillId="0" borderId="39" xfId="0" applyFont="1" applyBorder="1" applyAlignment="1">
      <alignment horizontal="right" vertical="center"/>
    </xf>
    <xf numFmtId="0" fontId="6" fillId="0" borderId="2" xfId="0" applyFont="1" applyBorder="1" applyAlignment="1">
      <alignment horizontal="right" vertical="center"/>
    </xf>
    <xf numFmtId="0" fontId="6" fillId="0" borderId="36" xfId="0" applyFont="1" applyBorder="1" applyAlignment="1">
      <alignment horizontal="right" vertical="center"/>
    </xf>
    <xf numFmtId="187" fontId="6" fillId="0" borderId="0" xfId="0" applyNumberFormat="1" applyFont="1" applyAlignment="1">
      <alignment horizontal="right" vertical="center" shrinkToFit="1"/>
    </xf>
    <xf numFmtId="0" fontId="6" fillId="0" borderId="7" xfId="0" applyFont="1" applyBorder="1" applyAlignment="1">
      <alignment horizontal="center" vertical="center" justifyLastLine="1"/>
    </xf>
    <xf numFmtId="0" fontId="6" fillId="0" borderId="4" xfId="0" applyFont="1" applyBorder="1" applyAlignment="1">
      <alignment horizontal="center" vertical="center" justifyLastLine="1"/>
    </xf>
    <xf numFmtId="0" fontId="6" fillId="0" borderId="8" xfId="0" applyFont="1" applyBorder="1" applyAlignment="1">
      <alignment horizontal="center" vertical="center" justifyLastLine="1"/>
    </xf>
    <xf numFmtId="0" fontId="6" fillId="0" borderId="40" xfId="0" applyFont="1" applyBorder="1" applyAlignment="1">
      <alignment horizontal="left" vertical="center"/>
    </xf>
    <xf numFmtId="0" fontId="6" fillId="0" borderId="15" xfId="0" applyFont="1" applyBorder="1" applyAlignment="1">
      <alignment horizontal="left" vertical="center"/>
    </xf>
    <xf numFmtId="0" fontId="6" fillId="0" borderId="21" xfId="0" applyFont="1" applyBorder="1" applyAlignment="1">
      <alignment horizontal="left" vertical="center"/>
    </xf>
    <xf numFmtId="176" fontId="6" fillId="0" borderId="20" xfId="0" applyNumberFormat="1" applyFont="1" applyBorder="1" applyAlignment="1" applyProtection="1">
      <alignment horizontal="right" vertical="center" indent="1"/>
      <protection locked="0"/>
    </xf>
    <xf numFmtId="187" fontId="6" fillId="0" borderId="67" xfId="1" applyNumberFormat="1" applyFont="1" applyFill="1" applyBorder="1" applyAlignment="1" applyProtection="1">
      <alignment horizontal="right" vertical="center" indent="1"/>
      <protection locked="0"/>
    </xf>
    <xf numFmtId="178" fontId="6" fillId="0" borderId="13" xfId="0" applyNumberFormat="1" applyFont="1" applyBorder="1" applyAlignment="1">
      <alignment vertical="center"/>
    </xf>
    <xf numFmtId="0" fontId="6" fillId="0" borderId="33" xfId="0" applyFont="1" applyBorder="1" applyAlignment="1">
      <alignment horizontal="center" vertical="center" shrinkToFit="1"/>
    </xf>
    <xf numFmtId="0" fontId="6" fillId="0" borderId="11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192" fontId="11" fillId="0" borderId="10" xfId="0" applyNumberFormat="1" applyFont="1" applyBorder="1" applyAlignment="1">
      <alignment horizontal="right" vertical="center"/>
    </xf>
    <xf numFmtId="192" fontId="11" fillId="0" borderId="4" xfId="0" applyNumberFormat="1" applyFont="1" applyBorder="1" applyAlignment="1">
      <alignment horizontal="right" vertical="center"/>
    </xf>
    <xf numFmtId="0" fontId="10" fillId="0" borderId="29" xfId="0" applyFont="1" applyBorder="1" applyAlignment="1">
      <alignment horizontal="center" vertical="center"/>
    </xf>
    <xf numFmtId="178" fontId="11" fillId="0" borderId="38" xfId="0" applyNumberFormat="1" applyFont="1" applyBorder="1" applyAlignment="1">
      <alignment horizontal="center" vertical="center"/>
    </xf>
    <xf numFmtId="178" fontId="11" fillId="0" borderId="31" xfId="0" applyNumberFormat="1" applyFont="1" applyBorder="1" applyAlignment="1">
      <alignment horizontal="center" vertical="center"/>
    </xf>
    <xf numFmtId="178" fontId="11" fillId="0" borderId="32" xfId="0" applyNumberFormat="1" applyFont="1" applyBorder="1" applyAlignment="1">
      <alignment horizontal="center" vertical="center"/>
    </xf>
    <xf numFmtId="186" fontId="6" fillId="0" borderId="0" xfId="0" applyNumberFormat="1" applyFont="1" applyAlignment="1">
      <alignment horizontal="center" vertical="center"/>
    </xf>
    <xf numFmtId="186" fontId="6" fillId="0" borderId="6" xfId="0" applyNumberFormat="1" applyFont="1" applyBorder="1" applyAlignment="1">
      <alignment horizontal="center" vertical="center"/>
    </xf>
    <xf numFmtId="192" fontId="6" fillId="0" borderId="9" xfId="0" applyNumberFormat="1" applyFont="1" applyBorder="1" applyAlignment="1">
      <alignment horizontal="right" vertical="center"/>
    </xf>
    <xf numFmtId="192" fontId="6" fillId="0" borderId="0" xfId="0" applyNumberFormat="1" applyFont="1" applyAlignment="1">
      <alignment horizontal="right" vertical="center"/>
    </xf>
    <xf numFmtId="0" fontId="6" fillId="0" borderId="15" xfId="0" applyFont="1" applyBorder="1" applyAlignment="1">
      <alignment horizontal="center" vertical="top" textRotation="91"/>
    </xf>
    <xf numFmtId="0" fontId="6" fillId="0" borderId="21" xfId="0" applyFont="1" applyBorder="1" applyAlignment="1">
      <alignment horizontal="center" vertical="top" textRotation="91"/>
    </xf>
    <xf numFmtId="178" fontId="11" fillId="0" borderId="0" xfId="0" applyNumberFormat="1" applyFont="1" applyAlignment="1">
      <alignment horizontal="right" vertical="center"/>
    </xf>
    <xf numFmtId="179" fontId="6" fillId="0" borderId="10" xfId="0" applyNumberFormat="1" applyFont="1" applyBorder="1" applyAlignment="1">
      <alignment horizontal="distributed" vertical="center" indent="1"/>
    </xf>
    <xf numFmtId="179" fontId="6" fillId="0" borderId="4" xfId="0" applyNumberFormat="1" applyFont="1" applyBorder="1" applyAlignment="1">
      <alignment horizontal="distributed" vertical="center" indent="1"/>
    </xf>
    <xf numFmtId="179" fontId="6" fillId="0" borderId="8" xfId="0" applyNumberFormat="1" applyFont="1" applyBorder="1" applyAlignment="1">
      <alignment horizontal="distributed" vertical="center" indent="1"/>
    </xf>
    <xf numFmtId="180" fontId="6" fillId="0" borderId="24" xfId="0" applyNumberFormat="1" applyFont="1" applyBorder="1" applyAlignment="1">
      <alignment horizontal="distributed" vertical="center" indent="1"/>
    </xf>
    <xf numFmtId="180" fontId="6" fillId="0" borderId="13" xfId="0" applyNumberFormat="1" applyFont="1" applyBorder="1" applyAlignment="1">
      <alignment horizontal="distributed" vertical="center" indent="1"/>
    </xf>
    <xf numFmtId="180" fontId="6" fillId="0" borderId="20" xfId="0" applyNumberFormat="1" applyFont="1" applyBorder="1" applyAlignment="1">
      <alignment horizontal="distributed" vertical="center" indent="1"/>
    </xf>
    <xf numFmtId="0" fontId="6" fillId="0" borderId="27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 justifyLastLine="1"/>
    </xf>
    <xf numFmtId="0" fontId="6" fillId="0" borderId="13" xfId="0" applyFont="1" applyBorder="1" applyAlignment="1">
      <alignment horizontal="center" vertical="center" justifyLastLine="1"/>
    </xf>
    <xf numFmtId="0" fontId="6" fillId="0" borderId="20" xfId="0" applyFont="1" applyBorder="1" applyAlignment="1">
      <alignment horizontal="center" vertical="center" justifyLastLine="1"/>
    </xf>
    <xf numFmtId="0" fontId="6" fillId="0" borderId="37" xfId="0" applyFont="1" applyBorder="1" applyAlignment="1">
      <alignment horizontal="center" vertical="center" justifyLastLine="1"/>
    </xf>
    <xf numFmtId="0" fontId="6" fillId="0" borderId="15" xfId="0" applyFont="1" applyBorder="1" applyAlignment="1">
      <alignment horizontal="center" vertical="center" justifyLastLine="1"/>
    </xf>
    <xf numFmtId="0" fontId="6" fillId="0" borderId="21" xfId="0" applyFont="1" applyBorder="1" applyAlignment="1">
      <alignment horizontal="center" vertical="center" justifyLastLine="1"/>
    </xf>
    <xf numFmtId="0" fontId="6" fillId="0" borderId="4" xfId="0" applyFont="1" applyBorder="1" applyAlignment="1">
      <alignment horizontal="distributed" vertical="center"/>
    </xf>
    <xf numFmtId="182" fontId="6" fillId="0" borderId="38" xfId="0" applyNumberFormat="1" applyFont="1" applyBorder="1" applyAlignment="1">
      <alignment horizontal="center" vertical="center"/>
    </xf>
    <xf numFmtId="182" fontId="6" fillId="0" borderId="31" xfId="0" applyNumberFormat="1" applyFont="1" applyBorder="1" applyAlignment="1">
      <alignment horizontal="center" vertical="center"/>
    </xf>
    <xf numFmtId="182" fontId="6" fillId="0" borderId="32" xfId="0" applyNumberFormat="1" applyFont="1" applyBorder="1" applyAlignment="1">
      <alignment horizontal="center" vertical="center"/>
    </xf>
    <xf numFmtId="0" fontId="6" fillId="0" borderId="7" xfId="0" applyFont="1" applyBorder="1" applyAlignment="1">
      <alignment horizontal="distributed" vertical="center" indent="1"/>
    </xf>
    <xf numFmtId="0" fontId="6" fillId="0" borderId="4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0" fontId="23" fillId="0" borderId="1" xfId="0" applyFont="1" applyBorder="1" applyAlignment="1">
      <alignment horizontal="distributed" vertical="center" indent="1"/>
    </xf>
    <xf numFmtId="0" fontId="23" fillId="0" borderId="6" xfId="0" applyFont="1" applyBorder="1" applyAlignment="1">
      <alignment horizontal="distributed" vertical="center" indent="1"/>
    </xf>
    <xf numFmtId="0" fontId="23" fillId="0" borderId="40" xfId="0" applyFont="1" applyBorder="1" applyAlignment="1">
      <alignment horizontal="left" vertical="center"/>
    </xf>
    <xf numFmtId="0" fontId="23" fillId="0" borderId="15" xfId="0" applyFont="1" applyBorder="1" applyAlignment="1">
      <alignment horizontal="left" vertical="center"/>
    </xf>
    <xf numFmtId="0" fontId="23" fillId="0" borderId="21" xfId="0" applyFont="1" applyBorder="1" applyAlignment="1">
      <alignment horizontal="left" vertical="center"/>
    </xf>
    <xf numFmtId="0" fontId="6" fillId="0" borderId="0" xfId="0" applyFont="1" applyAlignment="1">
      <alignment horizontal="right" vertical="center" indent="3"/>
    </xf>
    <xf numFmtId="0" fontId="6" fillId="0" borderId="13" xfId="0" applyFont="1" applyBorder="1" applyAlignment="1">
      <alignment horizontal="right" vertical="center" indent="3"/>
    </xf>
    <xf numFmtId="178" fontId="8" fillId="0" borderId="9" xfId="0" applyNumberFormat="1" applyFont="1" applyBorder="1" applyAlignment="1">
      <alignment horizontal="right" vertical="center"/>
    </xf>
    <xf numFmtId="0" fontId="6" fillId="0" borderId="0" xfId="0" applyFont="1" applyAlignment="1">
      <alignment horizontal="left" indent="1"/>
    </xf>
    <xf numFmtId="0" fontId="6" fillId="0" borderId="6" xfId="0" applyFont="1" applyBorder="1" applyAlignment="1">
      <alignment horizontal="left" indent="1"/>
    </xf>
    <xf numFmtId="0" fontId="6" fillId="0" borderId="4" xfId="0" applyFont="1" applyBorder="1" applyAlignment="1">
      <alignment horizontal="left" indent="1"/>
    </xf>
    <xf numFmtId="0" fontId="6" fillId="0" borderId="8" xfId="0" applyFont="1" applyBorder="1" applyAlignment="1">
      <alignment horizontal="left" indent="1"/>
    </xf>
    <xf numFmtId="0" fontId="6" fillId="0" borderId="1" xfId="0" applyFont="1" applyBorder="1" applyAlignment="1">
      <alignment horizontal="left" vertical="center" indent="2"/>
    </xf>
    <xf numFmtId="0" fontId="6" fillId="0" borderId="0" xfId="0" applyFont="1" applyAlignment="1">
      <alignment horizontal="left" vertical="center" indent="2"/>
    </xf>
    <xf numFmtId="0" fontId="6" fillId="0" borderId="6" xfId="0" applyFont="1" applyBorder="1" applyAlignment="1">
      <alignment horizontal="left" vertical="center" indent="2"/>
    </xf>
    <xf numFmtId="176" fontId="6" fillId="0" borderId="4" xfId="0" applyNumberFormat="1" applyFont="1" applyBorder="1" applyAlignment="1">
      <alignment horizontal="right" vertical="center"/>
    </xf>
    <xf numFmtId="193" fontId="6" fillId="0" borderId="33" xfId="0" applyNumberFormat="1" applyFont="1" applyBorder="1" applyAlignment="1">
      <alignment horizontal="center" vertical="center"/>
    </xf>
    <xf numFmtId="193" fontId="6" fillId="0" borderId="11" xfId="0" applyNumberFormat="1" applyFont="1" applyBorder="1" applyAlignment="1">
      <alignment horizontal="center" vertical="center"/>
    </xf>
    <xf numFmtId="193" fontId="6" fillId="0" borderId="27" xfId="0" applyNumberFormat="1" applyFont="1" applyBorder="1" applyAlignment="1">
      <alignment horizontal="center" vertical="center"/>
    </xf>
    <xf numFmtId="0" fontId="6" fillId="0" borderId="25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6" fillId="0" borderId="20" xfId="0" applyFont="1" applyBorder="1" applyAlignment="1">
      <alignment horizontal="left" vertical="center"/>
    </xf>
    <xf numFmtId="176" fontId="6" fillId="0" borderId="13" xfId="0" applyNumberFormat="1" applyFont="1" applyBorder="1" applyAlignment="1">
      <alignment horizontal="right" vertical="center"/>
    </xf>
    <xf numFmtId="0" fontId="6" fillId="0" borderId="7" xfId="0" applyFont="1" applyBorder="1" applyAlignment="1">
      <alignment horizontal="distributed" vertical="center"/>
    </xf>
    <xf numFmtId="0" fontId="6" fillId="0" borderId="8" xfId="0" applyFont="1" applyBorder="1" applyAlignment="1">
      <alignment horizontal="distributed" vertical="center"/>
    </xf>
    <xf numFmtId="193" fontId="6" fillId="0" borderId="16" xfId="0" applyNumberFormat="1" applyFont="1" applyBorder="1" applyAlignment="1">
      <alignment horizontal="center" vertical="center"/>
    </xf>
    <xf numFmtId="193" fontId="6" fillId="0" borderId="17" xfId="0" applyNumberFormat="1" applyFont="1" applyBorder="1" applyAlignment="1">
      <alignment horizontal="center" vertical="center"/>
    </xf>
    <xf numFmtId="193" fontId="6" fillId="0" borderId="19" xfId="0" applyNumberFormat="1" applyFont="1" applyBorder="1" applyAlignment="1">
      <alignment horizontal="center" vertical="center"/>
    </xf>
    <xf numFmtId="0" fontId="6" fillId="0" borderId="1" xfId="0" applyFont="1" applyBorder="1" applyAlignment="1">
      <alignment horizontal="left" vertical="center" indent="1" shrinkToFit="1"/>
    </xf>
    <xf numFmtId="0" fontId="6" fillId="0" borderId="0" xfId="0" applyFont="1" applyAlignment="1" applyProtection="1">
      <alignment horizontal="right" vertical="center" indent="3"/>
      <protection locked="0"/>
    </xf>
    <xf numFmtId="0" fontId="23" fillId="0" borderId="25" xfId="0" applyFont="1" applyBorder="1" applyAlignment="1">
      <alignment horizontal="distributed" vertical="center" indent="2"/>
    </xf>
    <xf numFmtId="0" fontId="23" fillId="0" borderId="13" xfId="0" applyFont="1" applyBorder="1" applyAlignment="1">
      <alignment horizontal="distributed" vertical="center" indent="2"/>
    </xf>
    <xf numFmtId="0" fontId="23" fillId="0" borderId="20" xfId="0" applyFont="1" applyBorder="1" applyAlignment="1">
      <alignment horizontal="distributed" vertical="center" indent="2"/>
    </xf>
    <xf numFmtId="0" fontId="23" fillId="0" borderId="39" xfId="0" applyFont="1" applyBorder="1" applyAlignment="1">
      <alignment horizontal="right" vertical="center"/>
    </xf>
    <xf numFmtId="0" fontId="23" fillId="0" borderId="2" xfId="0" applyFont="1" applyBorder="1" applyAlignment="1">
      <alignment horizontal="right" vertical="center"/>
    </xf>
    <xf numFmtId="0" fontId="23" fillId="0" borderId="36" xfId="0" applyFont="1" applyBorder="1" applyAlignment="1">
      <alignment horizontal="right" vertical="center"/>
    </xf>
    <xf numFmtId="193" fontId="23" fillId="0" borderId="35" xfId="0" applyNumberFormat="1" applyFont="1" applyBorder="1" applyAlignment="1">
      <alignment horizontal="center" vertical="center"/>
    </xf>
    <xf numFmtId="193" fontId="23" fillId="0" borderId="2" xfId="0" applyNumberFormat="1" applyFont="1" applyBorder="1" applyAlignment="1">
      <alignment horizontal="center" vertical="center"/>
    </xf>
    <xf numFmtId="193" fontId="23" fillId="0" borderId="36" xfId="0" applyNumberFormat="1" applyFont="1" applyBorder="1" applyAlignment="1">
      <alignment horizontal="center" vertical="center"/>
    </xf>
    <xf numFmtId="193" fontId="23" fillId="0" borderId="37" xfId="0" applyNumberFormat="1" applyFont="1" applyBorder="1" applyAlignment="1">
      <alignment horizontal="center" vertical="center"/>
    </xf>
    <xf numFmtId="193" fontId="23" fillId="0" borderId="15" xfId="0" applyNumberFormat="1" applyFont="1" applyBorder="1" applyAlignment="1">
      <alignment horizontal="center" vertical="center"/>
    </xf>
    <xf numFmtId="193" fontId="23" fillId="0" borderId="21" xfId="0" applyNumberFormat="1" applyFont="1" applyBorder="1" applyAlignment="1">
      <alignment horizontal="center" vertical="center"/>
    </xf>
    <xf numFmtId="176" fontId="11" fillId="0" borderId="0" xfId="0" applyNumberFormat="1" applyFont="1" applyAlignment="1" applyProtection="1">
      <alignment horizontal="right" vertical="center"/>
      <protection locked="0"/>
    </xf>
    <xf numFmtId="184" fontId="6" fillId="0" borderId="0" xfId="0" applyNumberFormat="1" applyFont="1" applyAlignment="1">
      <alignment vertical="center"/>
    </xf>
    <xf numFmtId="184" fontId="11" fillId="0" borderId="4" xfId="0" applyNumberFormat="1" applyFont="1" applyBorder="1" applyAlignment="1">
      <alignment vertical="center"/>
    </xf>
    <xf numFmtId="181" fontId="6" fillId="0" borderId="5" xfId="0" applyNumberFormat="1" applyFont="1" applyBorder="1" applyAlignment="1" applyProtection="1">
      <alignment horizontal="center" vertical="center"/>
      <protection locked="0"/>
    </xf>
    <xf numFmtId="180" fontId="6" fillId="0" borderId="24" xfId="0" applyNumberFormat="1" applyFont="1" applyBorder="1" applyAlignment="1">
      <alignment horizontal="distributed" vertical="center" indent="1" shrinkToFit="1"/>
    </xf>
    <xf numFmtId="180" fontId="6" fillId="0" borderId="13" xfId="0" applyNumberFormat="1" applyFont="1" applyBorder="1" applyAlignment="1">
      <alignment horizontal="distributed" vertical="center" indent="1" shrinkToFit="1"/>
    </xf>
    <xf numFmtId="180" fontId="6" fillId="0" borderId="20" xfId="0" applyNumberFormat="1" applyFont="1" applyBorder="1" applyAlignment="1">
      <alignment horizontal="distributed" vertical="center" indent="1" shrinkToFit="1"/>
    </xf>
    <xf numFmtId="192" fontId="6" fillId="0" borderId="13" xfId="0" applyNumberFormat="1" applyFont="1" applyBorder="1" applyAlignment="1">
      <alignment horizontal="center" vertical="center"/>
    </xf>
    <xf numFmtId="0" fontId="6" fillId="0" borderId="1" xfId="0" applyFont="1" applyBorder="1" applyAlignment="1">
      <alignment horizontal="distributed" vertical="center" indent="1" shrinkToFit="1"/>
    </xf>
    <xf numFmtId="0" fontId="6" fillId="0" borderId="0" xfId="0" applyFont="1" applyAlignment="1">
      <alignment horizontal="distributed" vertical="center" indent="1" shrinkToFit="1"/>
    </xf>
    <xf numFmtId="0" fontId="6" fillId="0" borderId="6" xfId="0" applyFont="1" applyBorder="1" applyAlignment="1">
      <alignment horizontal="distributed" vertical="center" indent="1" shrinkToFit="1"/>
    </xf>
    <xf numFmtId="0" fontId="11" fillId="0" borderId="28" xfId="0" applyFont="1" applyBorder="1" applyAlignment="1">
      <alignment horizontal="center" vertical="center"/>
    </xf>
    <xf numFmtId="0" fontId="11" fillId="0" borderId="29" xfId="0" applyFont="1" applyBorder="1" applyAlignment="1">
      <alignment horizontal="center" vertical="center"/>
    </xf>
    <xf numFmtId="189" fontId="11" fillId="0" borderId="25" xfId="0" applyNumberFormat="1" applyFont="1" applyBorder="1" applyAlignment="1">
      <alignment horizontal="center" vertical="center"/>
    </xf>
    <xf numFmtId="189" fontId="11" fillId="0" borderId="13" xfId="0" applyNumberFormat="1" applyFont="1" applyBorder="1" applyAlignment="1">
      <alignment horizontal="center" vertical="center"/>
    </xf>
    <xf numFmtId="189" fontId="11" fillId="0" borderId="20" xfId="0" applyNumberFormat="1" applyFont="1" applyBorder="1" applyAlignment="1">
      <alignment horizontal="center" vertical="center"/>
    </xf>
    <xf numFmtId="192" fontId="6" fillId="0" borderId="0" xfId="0" applyNumberFormat="1" applyFont="1" applyAlignment="1">
      <alignment vertical="center"/>
    </xf>
    <xf numFmtId="192" fontId="11" fillId="0" borderId="4" xfId="0" applyNumberFormat="1" applyFont="1" applyBorder="1" applyAlignment="1">
      <alignment vertical="center"/>
    </xf>
    <xf numFmtId="178" fontId="6" fillId="0" borderId="41" xfId="0" applyNumberFormat="1" applyFont="1" applyBorder="1" applyAlignment="1" applyProtection="1">
      <alignment horizontal="center" vertical="center"/>
      <protection locked="0"/>
    </xf>
    <xf numFmtId="178" fontId="6" fillId="0" borderId="49" xfId="0" applyNumberFormat="1" applyFont="1" applyBorder="1" applyAlignment="1" applyProtection="1">
      <alignment horizontal="center" vertical="center"/>
      <protection locked="0"/>
    </xf>
    <xf numFmtId="178" fontId="18" fillId="0" borderId="24" xfId="0" applyNumberFormat="1" applyFont="1" applyBorder="1" applyAlignment="1">
      <alignment horizontal="right" vertical="center"/>
    </xf>
    <xf numFmtId="49" fontId="6" fillId="0" borderId="15" xfId="0" applyNumberFormat="1" applyFont="1" applyBorder="1" applyAlignment="1">
      <alignment horizontal="center" vertical="top"/>
    </xf>
    <xf numFmtId="49" fontId="6" fillId="0" borderId="21" xfId="0" applyNumberFormat="1" applyFont="1" applyBorder="1" applyAlignment="1">
      <alignment horizontal="center" vertical="top"/>
    </xf>
    <xf numFmtId="184" fontId="6" fillId="0" borderId="0" xfId="0" applyNumberFormat="1" applyFont="1" applyAlignment="1">
      <alignment horizontal="right" vertical="center"/>
    </xf>
    <xf numFmtId="184" fontId="6" fillId="0" borderId="3" xfId="0" applyNumberFormat="1" applyFont="1" applyBorder="1" applyAlignment="1">
      <alignment horizontal="right" vertical="center"/>
    </xf>
    <xf numFmtId="184" fontId="6" fillId="0" borderId="4" xfId="0" applyNumberFormat="1" applyFont="1" applyBorder="1" applyAlignment="1">
      <alignment horizontal="right" vertical="center"/>
    </xf>
    <xf numFmtId="184" fontId="6" fillId="0" borderId="5" xfId="0" applyNumberFormat="1" applyFont="1" applyBorder="1" applyAlignment="1">
      <alignment horizontal="right" vertical="center"/>
    </xf>
    <xf numFmtId="0" fontId="6" fillId="0" borderId="60" xfId="0" applyFont="1" applyBorder="1" applyAlignment="1">
      <alignment horizontal="center" vertical="center" wrapText="1"/>
    </xf>
    <xf numFmtId="0" fontId="6" fillId="0" borderId="61" xfId="0" applyFont="1" applyBorder="1" applyAlignment="1">
      <alignment horizontal="center" vertical="center" wrapText="1"/>
    </xf>
    <xf numFmtId="185" fontId="6" fillId="0" borderId="4" xfId="0" applyNumberFormat="1" applyFont="1" applyBorder="1" applyAlignment="1" applyProtection="1">
      <alignment horizontal="right" vertical="center" indent="6"/>
      <protection locked="0"/>
    </xf>
    <xf numFmtId="185" fontId="6" fillId="0" borderId="8" xfId="0" applyNumberFormat="1" applyFont="1" applyBorder="1" applyAlignment="1" applyProtection="1">
      <alignment horizontal="right" vertical="center" indent="6"/>
      <protection locked="0"/>
    </xf>
    <xf numFmtId="180" fontId="6" fillId="0" borderId="10" xfId="0" applyNumberFormat="1" applyFont="1" applyBorder="1" applyAlignment="1">
      <alignment horizontal="distributed" vertical="center" indent="1"/>
    </xf>
    <xf numFmtId="180" fontId="6" fillId="0" borderId="4" xfId="0" applyNumberFormat="1" applyFont="1" applyBorder="1" applyAlignment="1">
      <alignment horizontal="distributed" vertical="center" indent="1"/>
    </xf>
    <xf numFmtId="180" fontId="6" fillId="0" borderId="8" xfId="0" applyNumberFormat="1" applyFont="1" applyBorder="1" applyAlignment="1">
      <alignment horizontal="distributed" vertical="center" indent="1"/>
    </xf>
    <xf numFmtId="0" fontId="6" fillId="0" borderId="62" xfId="0" applyFont="1" applyBorder="1" applyAlignment="1">
      <alignment horizontal="center" vertical="center" wrapText="1"/>
    </xf>
    <xf numFmtId="0" fontId="6" fillId="0" borderId="47" xfId="0" applyFont="1" applyBorder="1" applyAlignment="1">
      <alignment horizontal="center" vertical="center" wrapText="1"/>
    </xf>
    <xf numFmtId="192" fontId="6" fillId="0" borderId="24" xfId="0" applyNumberFormat="1" applyFont="1" applyBorder="1" applyAlignment="1">
      <alignment horizontal="right" vertical="center"/>
    </xf>
    <xf numFmtId="192" fontId="6" fillId="0" borderId="13" xfId="0" applyNumberFormat="1" applyFont="1" applyBorder="1" applyAlignment="1">
      <alignment horizontal="right" vertical="center"/>
    </xf>
    <xf numFmtId="0" fontId="6" fillId="0" borderId="62" xfId="0" applyFont="1" applyBorder="1" applyAlignment="1">
      <alignment horizontal="center" vertical="center"/>
    </xf>
    <xf numFmtId="0" fontId="6" fillId="0" borderId="47" xfId="0" applyFont="1" applyBorder="1" applyAlignment="1">
      <alignment horizontal="center" vertical="center"/>
    </xf>
    <xf numFmtId="0" fontId="17" fillId="0" borderId="1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6" xfId="0" applyFont="1" applyBorder="1" applyAlignment="1">
      <alignment horizontal="center" vertical="center" shrinkToFit="1"/>
    </xf>
    <xf numFmtId="0" fontId="6" fillId="0" borderId="40" xfId="0" applyFont="1" applyBorder="1" applyAlignment="1">
      <alignment horizontal="left" vertical="center" wrapText="1"/>
    </xf>
    <xf numFmtId="0" fontId="6" fillId="0" borderId="15" xfId="0" applyFont="1" applyBorder="1" applyAlignment="1">
      <alignment horizontal="left" vertical="center" wrapText="1"/>
    </xf>
    <xf numFmtId="0" fontId="6" fillId="0" borderId="21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6" fillId="0" borderId="45" xfId="0" applyFont="1" applyBorder="1" applyAlignment="1">
      <alignment horizontal="distributed" vertical="center" indent="1"/>
    </xf>
    <xf numFmtId="0" fontId="10" fillId="0" borderId="34" xfId="0" applyFont="1" applyBorder="1" applyAlignment="1">
      <alignment horizontal="center" vertical="center"/>
    </xf>
    <xf numFmtId="179" fontId="6" fillId="0" borderId="24" xfId="0" applyNumberFormat="1" applyFont="1" applyBorder="1" applyAlignment="1">
      <alignment horizontal="distributed" vertical="center" indent="1"/>
    </xf>
    <xf numFmtId="179" fontId="6" fillId="0" borderId="13" xfId="0" applyNumberFormat="1" applyFont="1" applyBorder="1" applyAlignment="1">
      <alignment horizontal="distributed" vertical="center" indent="1"/>
    </xf>
    <xf numFmtId="179" fontId="6" fillId="0" borderId="20" xfId="0" applyNumberFormat="1" applyFont="1" applyBorder="1" applyAlignment="1">
      <alignment horizontal="distributed" vertical="center" indent="1"/>
    </xf>
    <xf numFmtId="181" fontId="6" fillId="0" borderId="20" xfId="0" applyNumberFormat="1" applyFont="1" applyBorder="1" applyAlignment="1" applyProtection="1">
      <alignment horizontal="center" vertical="center"/>
      <protection locked="0"/>
    </xf>
    <xf numFmtId="177" fontId="6" fillId="0" borderId="27" xfId="0" applyNumberFormat="1" applyFont="1" applyBorder="1" applyAlignment="1">
      <alignment horizontal="center" vertical="center"/>
    </xf>
    <xf numFmtId="0" fontId="6" fillId="0" borderId="22" xfId="0" applyFont="1" applyBorder="1" applyAlignment="1">
      <alignment horizontal="distributed" vertical="center" indent="1"/>
    </xf>
    <xf numFmtId="184" fontId="6" fillId="0" borderId="13" xfId="0" applyNumberFormat="1" applyFont="1" applyBorder="1" applyAlignment="1">
      <alignment vertical="center"/>
    </xf>
    <xf numFmtId="178" fontId="23" fillId="0" borderId="0" xfId="0" applyNumberFormat="1" applyFont="1" applyAlignment="1">
      <alignment horizontal="right" vertical="center"/>
    </xf>
    <xf numFmtId="188" fontId="11" fillId="0" borderId="7" xfId="0" applyNumberFormat="1" applyFont="1" applyBorder="1" applyAlignment="1">
      <alignment horizontal="right" vertical="center" indent="1"/>
    </xf>
    <xf numFmtId="188" fontId="11" fillId="0" borderId="4" xfId="0" applyNumberFormat="1" applyFont="1" applyBorder="1" applyAlignment="1">
      <alignment horizontal="right" vertical="center" indent="1"/>
    </xf>
    <xf numFmtId="188" fontId="11" fillId="0" borderId="8" xfId="0" applyNumberFormat="1" applyFont="1" applyBorder="1" applyAlignment="1">
      <alignment horizontal="right" vertical="center" indent="1"/>
    </xf>
    <xf numFmtId="0" fontId="6" fillId="0" borderId="28" xfId="0" applyFont="1" applyBorder="1" applyAlignment="1">
      <alignment horizontal="distributed" vertical="center" indent="1"/>
    </xf>
    <xf numFmtId="0" fontId="6" fillId="0" borderId="7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/>
    </xf>
    <xf numFmtId="0" fontId="6" fillId="0" borderId="21" xfId="0" applyFont="1" applyBorder="1" applyAlignment="1">
      <alignment horizontal="center" vertical="top"/>
    </xf>
    <xf numFmtId="0" fontId="6" fillId="0" borderId="26" xfId="0" applyFont="1" applyBorder="1" applyAlignment="1">
      <alignment horizontal="center" vertical="center"/>
    </xf>
    <xf numFmtId="0" fontId="6" fillId="0" borderId="40" xfId="0" applyFont="1" applyBorder="1" applyAlignment="1">
      <alignment horizontal="left"/>
    </xf>
    <xf numFmtId="0" fontId="6" fillId="0" borderId="15" xfId="0" applyFont="1" applyBorder="1" applyAlignment="1">
      <alignment horizontal="left"/>
    </xf>
    <xf numFmtId="0" fontId="6" fillId="0" borderId="21" xfId="0" applyFont="1" applyBorder="1" applyAlignment="1">
      <alignment horizontal="left"/>
    </xf>
    <xf numFmtId="178" fontId="14" fillId="0" borderId="3" xfId="0" applyNumberFormat="1" applyFont="1" applyBorder="1" applyAlignment="1">
      <alignment horizontal="right" vertical="center"/>
    </xf>
    <xf numFmtId="179" fontId="6" fillId="0" borderId="9" xfId="0" applyNumberFormat="1" applyFont="1" applyBorder="1" applyAlignment="1">
      <alignment horizontal="distributed" vertical="center" indent="1"/>
    </xf>
    <xf numFmtId="179" fontId="6" fillId="0" borderId="0" xfId="0" applyNumberFormat="1" applyFont="1" applyAlignment="1">
      <alignment horizontal="distributed" vertical="center" indent="1"/>
    </xf>
    <xf numFmtId="179" fontId="6" fillId="0" borderId="6" xfId="0" applyNumberFormat="1" applyFont="1" applyBorder="1" applyAlignment="1">
      <alignment horizontal="distributed" vertical="center" indent="1"/>
    </xf>
    <xf numFmtId="192" fontId="6" fillId="0" borderId="14" xfId="0" applyNumberFormat="1" applyFont="1" applyBorder="1" applyAlignment="1">
      <alignment horizontal="center" vertical="center"/>
    </xf>
    <xf numFmtId="180" fontId="6" fillId="0" borderId="9" xfId="0" applyNumberFormat="1" applyFont="1" applyBorder="1" applyAlignment="1">
      <alignment horizontal="distributed" vertical="center" indent="1" shrinkToFit="1"/>
    </xf>
    <xf numFmtId="180" fontId="6" fillId="0" borderId="0" xfId="0" applyNumberFormat="1" applyFont="1" applyAlignment="1">
      <alignment horizontal="distributed" vertical="center" indent="1" shrinkToFit="1"/>
    </xf>
    <xf numFmtId="180" fontId="6" fillId="0" borderId="6" xfId="0" applyNumberFormat="1" applyFont="1" applyBorder="1" applyAlignment="1">
      <alignment horizontal="distributed" vertical="center" indent="1" shrinkToFit="1"/>
    </xf>
    <xf numFmtId="0" fontId="10" fillId="0" borderId="3" xfId="0" applyFont="1" applyBorder="1" applyAlignment="1">
      <alignment horizontal="center" vertical="center" wrapText="1"/>
    </xf>
    <xf numFmtId="0" fontId="6" fillId="0" borderId="61" xfId="0" applyFont="1" applyBorder="1" applyAlignment="1">
      <alignment horizontal="center" vertical="center"/>
    </xf>
    <xf numFmtId="184" fontId="11" fillId="0" borderId="3" xfId="0" applyNumberFormat="1" applyFont="1" applyBorder="1" applyAlignment="1">
      <alignment horizontal="right" vertical="center"/>
    </xf>
    <xf numFmtId="193" fontId="11" fillId="0" borderId="15" xfId="0" applyNumberFormat="1" applyFont="1" applyBorder="1" applyAlignment="1">
      <alignment horizontal="center" vertical="center"/>
    </xf>
    <xf numFmtId="193" fontId="11" fillId="0" borderId="21" xfId="0" applyNumberFormat="1" applyFont="1" applyBorder="1" applyAlignment="1">
      <alignment horizontal="center" vertical="center"/>
    </xf>
    <xf numFmtId="176" fontId="11" fillId="0" borderId="6" xfId="0" applyNumberFormat="1" applyFont="1" applyBorder="1" applyAlignment="1" applyProtection="1">
      <alignment horizontal="right" vertical="center"/>
      <protection locked="0"/>
    </xf>
    <xf numFmtId="0" fontId="11" fillId="0" borderId="0" xfId="0" applyFont="1" applyAlignment="1" applyProtection="1">
      <alignment horizontal="right" vertical="center" indent="3"/>
      <protection locked="0"/>
    </xf>
    <xf numFmtId="0" fontId="11" fillId="0" borderId="3" xfId="0" applyFont="1" applyBorder="1" applyAlignment="1" applyProtection="1">
      <alignment horizontal="right" vertical="center" indent="3"/>
      <protection locked="0"/>
    </xf>
    <xf numFmtId="0" fontId="6" fillId="0" borderId="4" xfId="0" applyFont="1" applyBorder="1" applyAlignment="1">
      <alignment horizontal="right" vertical="center" indent="3"/>
    </xf>
    <xf numFmtId="178" fontId="11" fillId="0" borderId="13" xfId="0" applyNumberFormat="1" applyFont="1" applyBorder="1" applyAlignment="1">
      <alignment horizontal="right" vertical="center"/>
    </xf>
    <xf numFmtId="178" fontId="11" fillId="0" borderId="14" xfId="0" applyNumberFormat="1" applyFont="1" applyBorder="1" applyAlignment="1">
      <alignment horizontal="right" vertical="center"/>
    </xf>
    <xf numFmtId="178" fontId="11" fillId="0" borderId="3" xfId="0" applyNumberFormat="1" applyFont="1" applyBorder="1" applyAlignment="1">
      <alignment horizontal="right" vertical="center"/>
    </xf>
    <xf numFmtId="178" fontId="6" fillId="0" borderId="13" xfId="0" applyNumberFormat="1" applyFont="1" applyBorder="1" applyAlignment="1">
      <alignment horizontal="right" vertical="center"/>
    </xf>
    <xf numFmtId="176" fontId="11" fillId="0" borderId="13" xfId="0" applyNumberFormat="1" applyFont="1" applyBorder="1" applyAlignment="1">
      <alignment horizontal="right" vertical="center"/>
    </xf>
    <xf numFmtId="178" fontId="11" fillId="0" borderId="3" xfId="0" applyNumberFormat="1" applyFont="1" applyBorder="1" applyAlignment="1" applyProtection="1">
      <alignment horizontal="right" vertical="center"/>
      <protection locked="0"/>
    </xf>
    <xf numFmtId="0" fontId="6" fillId="0" borderId="2" xfId="0" applyFont="1" applyBorder="1" applyAlignment="1">
      <alignment horizontal="distributed" vertical="center" wrapText="1" justifyLastLine="1"/>
    </xf>
    <xf numFmtId="0" fontId="6" fillId="0" borderId="60" xfId="0" applyFont="1" applyBorder="1" applyAlignment="1">
      <alignment horizontal="distributed" vertical="center" wrapText="1" justifyLastLine="1"/>
    </xf>
    <xf numFmtId="0" fontId="6" fillId="0" borderId="15" xfId="0" applyFont="1" applyBorder="1" applyAlignment="1">
      <alignment horizontal="distributed" vertical="center" wrapText="1" justifyLastLine="1"/>
    </xf>
    <xf numFmtId="0" fontId="6" fillId="0" borderId="61" xfId="0" applyFont="1" applyBorder="1" applyAlignment="1">
      <alignment horizontal="distributed" vertical="center" wrapText="1" justifyLastLine="1"/>
    </xf>
    <xf numFmtId="0" fontId="6" fillId="0" borderId="11" xfId="0" applyFont="1" applyBorder="1" applyAlignment="1">
      <alignment horizontal="distributed" vertical="center" indent="2"/>
    </xf>
    <xf numFmtId="0" fontId="6" fillId="0" borderId="27" xfId="0" applyFont="1" applyBorder="1" applyAlignment="1">
      <alignment horizontal="distributed" vertical="center" indent="2"/>
    </xf>
    <xf numFmtId="176" fontId="6" fillId="0" borderId="13" xfId="0" applyNumberFormat="1" applyFont="1" applyBorder="1" applyAlignment="1" applyProtection="1">
      <alignment horizontal="right" vertical="center"/>
      <protection locked="0"/>
    </xf>
    <xf numFmtId="176" fontId="11" fillId="0" borderId="4" xfId="0" applyNumberFormat="1" applyFont="1" applyBorder="1" applyAlignment="1" applyProtection="1">
      <alignment horizontal="right" vertical="center"/>
      <protection locked="0"/>
    </xf>
    <xf numFmtId="176" fontId="11" fillId="0" borderId="8" xfId="0" applyNumberFormat="1" applyFont="1" applyBorder="1" applyAlignment="1" applyProtection="1">
      <alignment horizontal="right" vertical="center"/>
      <protection locked="0"/>
    </xf>
    <xf numFmtId="0" fontId="6" fillId="0" borderId="33" xfId="0" applyFont="1" applyBorder="1" applyAlignment="1">
      <alignment horizontal="distributed" vertical="center" indent="2"/>
    </xf>
    <xf numFmtId="0" fontId="6" fillId="0" borderId="1" xfId="0" applyFont="1" applyBorder="1" applyAlignment="1">
      <alignment horizontal="left" vertical="center" indent="2" shrinkToFit="1"/>
    </xf>
    <xf numFmtId="0" fontId="6" fillId="0" borderId="0" xfId="0" applyFont="1" applyAlignment="1">
      <alignment horizontal="left" vertical="center" indent="2" shrinkToFit="1"/>
    </xf>
    <xf numFmtId="0" fontId="6" fillId="0" borderId="6" xfId="0" applyFont="1" applyBorder="1" applyAlignment="1">
      <alignment horizontal="left" vertical="center" indent="2" shrinkToFit="1"/>
    </xf>
    <xf numFmtId="178" fontId="11" fillId="0" borderId="5" xfId="0" applyNumberFormat="1" applyFont="1" applyBorder="1" applyAlignment="1" applyProtection="1">
      <alignment horizontal="right" vertical="center"/>
      <protection locked="0"/>
    </xf>
    <xf numFmtId="0" fontId="11" fillId="0" borderId="17" xfId="0" applyFont="1" applyBorder="1" applyAlignment="1">
      <alignment horizontal="center" vertical="center"/>
    </xf>
    <xf numFmtId="0" fontId="11" fillId="0" borderId="19" xfId="0" applyFont="1" applyBorder="1" applyAlignment="1">
      <alignment horizontal="center" vertical="center"/>
    </xf>
    <xf numFmtId="0" fontId="25" fillId="0" borderId="1" xfId="0" applyFont="1" applyBorder="1" applyAlignment="1">
      <alignment horizontal="distributed" vertical="center" indent="1"/>
    </xf>
    <xf numFmtId="0" fontId="25" fillId="0" borderId="0" xfId="0" applyFont="1" applyAlignment="1">
      <alignment horizontal="distributed" vertical="center" indent="1"/>
    </xf>
    <xf numFmtId="0" fontId="25" fillId="0" borderId="6" xfId="0" applyFont="1" applyBorder="1" applyAlignment="1">
      <alignment horizontal="distributed" vertical="center" indent="1"/>
    </xf>
    <xf numFmtId="193" fontId="11" fillId="0" borderId="33" xfId="0" applyNumberFormat="1" applyFont="1" applyBorder="1" applyAlignment="1">
      <alignment horizontal="center" vertical="center"/>
    </xf>
    <xf numFmtId="193" fontId="11" fillId="0" borderId="11" xfId="0" applyNumberFormat="1" applyFont="1" applyBorder="1" applyAlignment="1">
      <alignment horizontal="center" vertical="center"/>
    </xf>
    <xf numFmtId="193" fontId="11" fillId="0" borderId="12" xfId="0" applyNumberFormat="1" applyFont="1" applyBorder="1" applyAlignment="1">
      <alignment horizontal="center" vertical="center"/>
    </xf>
    <xf numFmtId="193" fontId="24" fillId="0" borderId="35" xfId="0" applyNumberFormat="1" applyFont="1" applyBorder="1" applyAlignment="1">
      <alignment horizontal="center" vertical="center"/>
    </xf>
    <xf numFmtId="193" fontId="24" fillId="0" borderId="2" xfId="0" applyNumberFormat="1" applyFont="1" applyBorder="1" applyAlignment="1">
      <alignment horizontal="center" vertical="center"/>
    </xf>
    <xf numFmtId="193" fontId="24" fillId="0" borderId="60" xfId="0" applyNumberFormat="1" applyFont="1" applyBorder="1" applyAlignment="1">
      <alignment horizontal="center" vertical="center"/>
    </xf>
    <xf numFmtId="193" fontId="24" fillId="0" borderId="37" xfId="0" applyNumberFormat="1" applyFont="1" applyBorder="1" applyAlignment="1">
      <alignment horizontal="center" vertical="center"/>
    </xf>
    <xf numFmtId="193" fontId="24" fillId="0" borderId="15" xfId="0" applyNumberFormat="1" applyFont="1" applyBorder="1" applyAlignment="1">
      <alignment horizontal="center" vertical="center"/>
    </xf>
    <xf numFmtId="193" fontId="24" fillId="0" borderId="61" xfId="0" applyNumberFormat="1" applyFont="1" applyBorder="1" applyAlignment="1">
      <alignment horizontal="center" vertical="center"/>
    </xf>
    <xf numFmtId="0" fontId="11" fillId="0" borderId="13" xfId="0" applyFont="1" applyBorder="1" applyAlignment="1">
      <alignment horizontal="right" vertical="center" indent="3"/>
    </xf>
    <xf numFmtId="0" fontId="11" fillId="0" borderId="14" xfId="0" applyFont="1" applyBorder="1" applyAlignment="1">
      <alignment horizontal="right" vertical="center" indent="3"/>
    </xf>
    <xf numFmtId="0" fontId="6" fillId="0" borderId="4" xfId="0" applyFont="1" applyBorder="1" applyAlignment="1" applyProtection="1">
      <alignment horizontal="right" vertical="center" indent="3"/>
      <protection locked="0"/>
    </xf>
    <xf numFmtId="0" fontId="11" fillId="0" borderId="16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23" fillId="0" borderId="7" xfId="0" applyFont="1" applyBorder="1" applyAlignment="1">
      <alignment horizontal="distributed" vertical="center" indent="1"/>
    </xf>
    <xf numFmtId="0" fontId="23" fillId="0" borderId="4" xfId="0" applyFont="1" applyBorder="1" applyAlignment="1">
      <alignment horizontal="distributed" vertical="center" indent="1"/>
    </xf>
    <xf numFmtId="0" fontId="23" fillId="0" borderId="8" xfId="0" applyFont="1" applyBorder="1" applyAlignment="1">
      <alignment horizontal="distributed" vertical="center" indent="1"/>
    </xf>
    <xf numFmtId="0" fontId="11" fillId="0" borderId="4" xfId="0" applyFont="1" applyBorder="1" applyAlignment="1" applyProtection="1">
      <alignment horizontal="right" vertical="center" indent="3"/>
      <protection locked="0"/>
    </xf>
    <xf numFmtId="0" fontId="11" fillId="0" borderId="5" xfId="0" applyFont="1" applyBorder="1" applyAlignment="1" applyProtection="1">
      <alignment horizontal="right" vertical="center" indent="3"/>
      <protection locked="0"/>
    </xf>
    <xf numFmtId="176" fontId="11" fillId="0" borderId="13" xfId="0" applyNumberFormat="1" applyFont="1" applyBorder="1" applyAlignment="1" applyProtection="1">
      <alignment horizontal="right" vertical="center"/>
      <protection locked="0"/>
    </xf>
    <xf numFmtId="176" fontId="11" fillId="0" borderId="20" xfId="0" applyNumberFormat="1" applyFont="1" applyBorder="1" applyAlignment="1" applyProtection="1">
      <alignment horizontal="right" vertical="center"/>
      <protection locked="0"/>
    </xf>
    <xf numFmtId="193" fontId="6" fillId="0" borderId="15" xfId="0" applyNumberFormat="1" applyFont="1" applyBorder="1" applyAlignment="1">
      <alignment horizontal="center" vertical="center"/>
    </xf>
    <xf numFmtId="193" fontId="6" fillId="0" borderId="21" xfId="0" applyNumberFormat="1" applyFont="1" applyBorder="1" applyAlignment="1">
      <alignment horizontal="center" vertical="center"/>
    </xf>
    <xf numFmtId="0" fontId="6" fillId="0" borderId="59" xfId="0" applyFont="1" applyBorder="1" applyAlignment="1">
      <alignment horizontal="distributed" vertical="center" indent="1"/>
    </xf>
    <xf numFmtId="0" fontId="6" fillId="0" borderId="24" xfId="0" applyFont="1" applyBorder="1" applyAlignment="1">
      <alignment horizontal="center" vertical="center" wrapText="1"/>
    </xf>
    <xf numFmtId="0" fontId="6" fillId="0" borderId="35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6" fillId="0" borderId="36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6" fillId="0" borderId="6" xfId="0" applyFont="1" applyBorder="1" applyAlignment="1">
      <alignment horizontal="center" vertical="center" shrinkToFit="1"/>
    </xf>
    <xf numFmtId="0" fontId="6" fillId="0" borderId="37" xfId="0" applyFont="1" applyBorder="1" applyAlignment="1">
      <alignment horizontal="center" vertical="center" shrinkToFit="1"/>
    </xf>
    <xf numFmtId="0" fontId="6" fillId="0" borderId="15" xfId="0" applyFont="1" applyBorder="1" applyAlignment="1">
      <alignment horizontal="center" vertical="center" shrinkToFit="1"/>
    </xf>
    <xf numFmtId="0" fontId="6" fillId="0" borderId="21" xfId="0" applyFont="1" applyBorder="1" applyAlignment="1">
      <alignment horizontal="center" vertical="center" shrinkToFit="1"/>
    </xf>
    <xf numFmtId="181" fontId="6" fillId="0" borderId="10" xfId="2" applyNumberFormat="1" applyFont="1" applyFill="1" applyBorder="1" applyAlignment="1" applyProtection="1">
      <alignment horizontal="center" vertical="center"/>
      <protection locked="0"/>
    </xf>
    <xf numFmtId="181" fontId="6" fillId="0" borderId="4" xfId="2" applyNumberFormat="1" applyFont="1" applyFill="1" applyBorder="1" applyAlignment="1" applyProtection="1">
      <alignment horizontal="center" vertical="center"/>
      <protection locked="0"/>
    </xf>
    <xf numFmtId="181" fontId="6" fillId="0" borderId="5" xfId="2" applyNumberFormat="1" applyFont="1" applyFill="1" applyBorder="1" applyAlignment="1" applyProtection="1">
      <alignment horizontal="center" vertical="center"/>
      <protection locked="0"/>
    </xf>
    <xf numFmtId="184" fontId="11" fillId="0" borderId="4" xfId="0" applyNumberFormat="1" applyFont="1" applyBorder="1" applyAlignment="1" applyProtection="1">
      <alignment vertical="center"/>
      <protection locked="0"/>
    </xf>
    <xf numFmtId="179" fontId="3" fillId="0" borderId="4" xfId="0" applyNumberFormat="1" applyFont="1" applyBorder="1" applyAlignment="1" applyProtection="1">
      <alignment horizontal="center" vertical="center"/>
      <protection locked="0"/>
    </xf>
    <xf numFmtId="179" fontId="3" fillId="0" borderId="8" xfId="0" applyNumberFormat="1" applyFont="1" applyBorder="1" applyAlignment="1" applyProtection="1">
      <alignment horizontal="center" vertical="center"/>
      <protection locked="0"/>
    </xf>
    <xf numFmtId="0" fontId="6" fillId="0" borderId="14" xfId="0" applyFont="1" applyBorder="1" applyAlignment="1">
      <alignment horizontal="center" vertical="center"/>
    </xf>
    <xf numFmtId="177" fontId="6" fillId="0" borderId="29" xfId="0" applyNumberFormat="1" applyFont="1" applyBorder="1" applyAlignment="1">
      <alignment horizontal="distributed" vertical="center" indent="1"/>
    </xf>
    <xf numFmtId="177" fontId="6" fillId="0" borderId="34" xfId="0" applyNumberFormat="1" applyFont="1" applyBorder="1" applyAlignment="1">
      <alignment horizontal="distributed" vertical="center" indent="1"/>
    </xf>
    <xf numFmtId="192" fontId="6" fillId="0" borderId="4" xfId="0" applyNumberFormat="1" applyFont="1" applyBorder="1" applyAlignment="1">
      <alignment horizontal="right" vertical="center" shrinkToFit="1"/>
    </xf>
    <xf numFmtId="192" fontId="6" fillId="0" borderId="0" xfId="0" applyNumberFormat="1" applyFont="1" applyAlignment="1">
      <alignment horizontal="right" vertical="center" shrinkToFit="1"/>
    </xf>
    <xf numFmtId="0" fontId="6" fillId="0" borderId="33" xfId="0" applyFont="1" applyBorder="1" applyAlignment="1">
      <alignment horizontal="distributed" vertical="center" indent="3"/>
    </xf>
    <xf numFmtId="0" fontId="6" fillId="0" borderId="27" xfId="0" applyFont="1" applyBorder="1" applyAlignment="1">
      <alignment horizontal="distributed" vertical="center" indent="3"/>
    </xf>
    <xf numFmtId="188" fontId="6" fillId="0" borderId="1" xfId="0" applyNumberFormat="1" applyFont="1" applyBorder="1" applyAlignment="1">
      <alignment horizontal="right" vertical="center" indent="1"/>
    </xf>
    <xf numFmtId="188" fontId="6" fillId="0" borderId="0" xfId="0" applyNumberFormat="1" applyFont="1" applyAlignment="1">
      <alignment horizontal="right" vertical="center" indent="1"/>
    </xf>
    <xf numFmtId="188" fontId="6" fillId="0" borderId="6" xfId="0" applyNumberFormat="1" applyFont="1" applyBorder="1" applyAlignment="1">
      <alignment horizontal="right" vertical="center" indent="1"/>
    </xf>
    <xf numFmtId="184" fontId="11" fillId="0" borderId="10" xfId="0" applyNumberFormat="1" applyFont="1" applyBorder="1" applyAlignment="1" applyProtection="1">
      <alignment vertical="center"/>
      <protection locked="0"/>
    </xf>
    <xf numFmtId="184" fontId="6" fillId="0" borderId="0" xfId="0" applyNumberFormat="1" applyFont="1" applyAlignment="1" applyProtection="1">
      <alignment vertical="center"/>
      <protection locked="0"/>
    </xf>
    <xf numFmtId="193" fontId="6" fillId="0" borderId="25" xfId="0" applyNumberFormat="1" applyFont="1" applyBorder="1" applyAlignment="1">
      <alignment horizontal="right" vertical="center" indent="1"/>
    </xf>
    <xf numFmtId="193" fontId="6" fillId="0" borderId="13" xfId="0" applyNumberFormat="1" applyFont="1" applyBorder="1" applyAlignment="1">
      <alignment horizontal="right" vertical="center" indent="1"/>
    </xf>
    <xf numFmtId="193" fontId="6" fillId="0" borderId="20" xfId="0" applyNumberFormat="1" applyFont="1" applyBorder="1" applyAlignment="1">
      <alignment horizontal="right" vertical="center" indent="1"/>
    </xf>
    <xf numFmtId="187" fontId="6" fillId="0" borderId="4" xfId="0" applyNumberFormat="1" applyFont="1" applyBorder="1" applyAlignment="1">
      <alignment horizontal="right" vertical="center" shrinkToFit="1"/>
    </xf>
    <xf numFmtId="0" fontId="6" fillId="0" borderId="1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6" xfId="0" applyFont="1" applyBorder="1" applyAlignment="1">
      <alignment vertical="center"/>
    </xf>
    <xf numFmtId="181" fontId="6" fillId="0" borderId="24" xfId="2" applyNumberFormat="1" applyFont="1" applyFill="1" applyBorder="1" applyAlignment="1" applyProtection="1">
      <alignment horizontal="center" vertical="center"/>
      <protection locked="0"/>
    </xf>
    <xf numFmtId="181" fontId="6" fillId="0" borderId="13" xfId="2" applyNumberFormat="1" applyFont="1" applyFill="1" applyBorder="1" applyAlignment="1" applyProtection="1">
      <alignment horizontal="center" vertical="center"/>
      <protection locked="0"/>
    </xf>
    <xf numFmtId="181" fontId="6" fillId="0" borderId="14" xfId="2" applyNumberFormat="1" applyFont="1" applyFill="1" applyBorder="1" applyAlignment="1" applyProtection="1">
      <alignment horizontal="center" vertical="center"/>
      <protection locked="0"/>
    </xf>
    <xf numFmtId="0" fontId="6" fillId="0" borderId="12" xfId="0" applyFont="1" applyBorder="1" applyAlignment="1">
      <alignment horizontal="distributed" vertical="center" justifyLastLine="1"/>
    </xf>
    <xf numFmtId="0" fontId="6" fillId="0" borderId="55" xfId="0" applyFont="1" applyBorder="1" applyAlignment="1">
      <alignment horizontal="distributed" vertical="center" indent="1"/>
    </xf>
    <xf numFmtId="178" fontId="6" fillId="0" borderId="14" xfId="0" applyNumberFormat="1" applyFont="1" applyBorder="1" applyAlignment="1">
      <alignment vertical="center"/>
    </xf>
    <xf numFmtId="0" fontId="6" fillId="0" borderId="7" xfId="0" applyFont="1" applyBorder="1" applyAlignment="1" applyProtection="1">
      <alignment horizontal="right" vertical="center" indent="6"/>
      <protection locked="0"/>
    </xf>
    <xf numFmtId="0" fontId="6" fillId="0" borderId="4" xfId="0" applyFont="1" applyBorder="1" applyAlignment="1" applyProtection="1">
      <alignment horizontal="right" vertical="center" indent="6"/>
      <protection locked="0"/>
    </xf>
    <xf numFmtId="0" fontId="6" fillId="0" borderId="8" xfId="0" applyFont="1" applyBorder="1" applyAlignment="1" applyProtection="1">
      <alignment horizontal="right" vertical="center" indent="6"/>
      <protection locked="0"/>
    </xf>
    <xf numFmtId="0" fontId="6" fillId="0" borderId="25" xfId="0" applyFont="1" applyBorder="1" applyAlignment="1">
      <alignment horizontal="distributed" vertical="center" indent="1" shrinkToFit="1"/>
    </xf>
    <xf numFmtId="0" fontId="6" fillId="0" borderId="13" xfId="0" applyFont="1" applyBorder="1" applyAlignment="1">
      <alignment horizontal="distributed" vertical="center" indent="1" shrinkToFit="1"/>
    </xf>
    <xf numFmtId="0" fontId="6" fillId="0" borderId="20" xfId="0" applyFont="1" applyBorder="1" applyAlignment="1">
      <alignment horizontal="distributed" vertical="center" indent="1" shrinkToFit="1"/>
    </xf>
    <xf numFmtId="178" fontId="11" fillId="0" borderId="4" xfId="0" applyNumberFormat="1" applyFont="1" applyBorder="1" applyAlignment="1" applyProtection="1">
      <alignment vertical="center"/>
      <protection locked="0"/>
    </xf>
    <xf numFmtId="178" fontId="11" fillId="0" borderId="5" xfId="0" applyNumberFormat="1" applyFont="1" applyBorder="1" applyAlignment="1" applyProtection="1">
      <alignment vertical="center"/>
      <protection locked="0"/>
    </xf>
    <xf numFmtId="183" fontId="3" fillId="0" borderId="4" xfId="0" applyNumberFormat="1" applyFont="1" applyBorder="1" applyAlignment="1" applyProtection="1">
      <alignment horizontal="center" vertical="center"/>
      <protection locked="0"/>
    </xf>
    <xf numFmtId="183" fontId="3" fillId="0" borderId="5" xfId="0" applyNumberFormat="1" applyFont="1" applyBorder="1" applyAlignment="1" applyProtection="1">
      <alignment horizontal="center" vertical="center"/>
      <protection locked="0"/>
    </xf>
    <xf numFmtId="184" fontId="6" fillId="0" borderId="9" xfId="0" applyNumberFormat="1" applyFont="1" applyBorder="1" applyAlignment="1" applyProtection="1">
      <alignment vertical="center"/>
      <protection locked="0"/>
    </xf>
    <xf numFmtId="0" fontId="6" fillId="0" borderId="45" xfId="0" applyFont="1" applyBorder="1" applyAlignment="1">
      <alignment horizontal="center" vertical="distributed" textRotation="255" justifyLastLine="1"/>
    </xf>
    <xf numFmtId="0" fontId="6" fillId="0" borderId="46" xfId="0" applyFont="1" applyBorder="1" applyAlignment="1">
      <alignment horizontal="center" vertical="distributed" textRotation="255" justifyLastLine="1"/>
    </xf>
    <xf numFmtId="0" fontId="6" fillId="0" borderId="47" xfId="0" applyFont="1" applyBorder="1" applyAlignment="1">
      <alignment horizontal="center" vertical="distributed" textRotation="255" justifyLastLine="1"/>
    </xf>
    <xf numFmtId="0" fontId="23" fillId="0" borderId="15" xfId="0" applyFont="1" applyBorder="1" applyAlignment="1">
      <alignment horizontal="distributed" vertical="center" indent="1"/>
    </xf>
    <xf numFmtId="0" fontId="23" fillId="0" borderId="37" xfId="0" applyFont="1" applyBorder="1" applyAlignment="1">
      <alignment horizontal="right" vertical="center"/>
    </xf>
    <xf numFmtId="0" fontId="23" fillId="0" borderId="15" xfId="0" applyFont="1" applyBorder="1" applyAlignment="1">
      <alignment horizontal="right" vertical="center"/>
    </xf>
    <xf numFmtId="176" fontId="6" fillId="0" borderId="15" xfId="0" applyNumberFormat="1" applyFont="1" applyBorder="1" applyAlignment="1" applyProtection="1">
      <alignment horizontal="right" vertical="center" indent="1"/>
      <protection locked="0"/>
    </xf>
    <xf numFmtId="176" fontId="6" fillId="0" borderId="61" xfId="0" applyNumberFormat="1" applyFont="1" applyBorder="1" applyAlignment="1" applyProtection="1">
      <alignment horizontal="right" vertical="center" indent="1"/>
      <protection locked="0"/>
    </xf>
    <xf numFmtId="178" fontId="6" fillId="0" borderId="0" xfId="0" applyNumberFormat="1" applyFont="1" applyAlignment="1" applyProtection="1">
      <alignment vertical="center"/>
      <protection locked="0"/>
    </xf>
    <xf numFmtId="178" fontId="6" fillId="0" borderId="3" xfId="0" applyNumberFormat="1" applyFont="1" applyBorder="1" applyAlignment="1" applyProtection="1">
      <alignment vertical="center"/>
      <protection locked="0"/>
    </xf>
    <xf numFmtId="0" fontId="6" fillId="0" borderId="40" xfId="0" applyFont="1" applyBorder="1" applyAlignment="1">
      <alignment vertical="center"/>
    </xf>
    <xf numFmtId="0" fontId="6" fillId="0" borderId="15" xfId="0" applyFont="1" applyBorder="1" applyAlignment="1">
      <alignment vertical="center"/>
    </xf>
    <xf numFmtId="0" fontId="6" fillId="0" borderId="21" xfId="0" applyFont="1" applyBorder="1" applyAlignment="1">
      <alignment vertical="center"/>
    </xf>
    <xf numFmtId="184" fontId="6" fillId="0" borderId="24" xfId="0" applyNumberFormat="1" applyFont="1" applyBorder="1" applyAlignment="1">
      <alignment vertical="center"/>
    </xf>
    <xf numFmtId="192" fontId="11" fillId="0" borderId="0" xfId="0" applyNumberFormat="1" applyFont="1" applyAlignment="1">
      <alignment horizontal="right" vertical="center" shrinkToFit="1"/>
    </xf>
  </cellXfs>
  <cellStyles count="3">
    <cellStyle name="メモ" xfId="1" builtinId="10"/>
    <cellStyle name="桁区切り" xfId="2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4</xdr:row>
      <xdr:rowOff>0</xdr:rowOff>
    </xdr:from>
    <xdr:to>
      <xdr:col>7</xdr:col>
      <xdr:colOff>0</xdr:colOff>
      <xdr:row>57</xdr:row>
      <xdr:rowOff>9525</xdr:rowOff>
    </xdr:to>
    <xdr:sp macro="" textlink="">
      <xdr:nvSpPr>
        <xdr:cNvPr id="7753" name="Line 2">
          <a:extLst>
            <a:ext uri="{FF2B5EF4-FFF2-40B4-BE49-F238E27FC236}">
              <a16:creationId xmlns:a16="http://schemas.microsoft.com/office/drawing/2014/main" xmlns="" id="{00000000-0008-0000-0000-0000491E0000}"/>
            </a:ext>
          </a:extLst>
        </xdr:cNvPr>
        <xdr:cNvSpPr>
          <a:spLocks noChangeShapeType="1"/>
        </xdr:cNvSpPr>
      </xdr:nvSpPr>
      <xdr:spPr bwMode="auto">
        <a:xfrm flipH="1" flipV="1">
          <a:off x="0" y="12353925"/>
          <a:ext cx="1419225" cy="6096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67</xdr:row>
      <xdr:rowOff>0</xdr:rowOff>
    </xdr:from>
    <xdr:to>
      <xdr:col>6</xdr:col>
      <xdr:colOff>0</xdr:colOff>
      <xdr:row>169</xdr:row>
      <xdr:rowOff>0</xdr:rowOff>
    </xdr:to>
    <xdr:sp macro="" textlink="">
      <xdr:nvSpPr>
        <xdr:cNvPr id="7754" name="Line 3">
          <a:extLst>
            <a:ext uri="{FF2B5EF4-FFF2-40B4-BE49-F238E27FC236}">
              <a16:creationId xmlns:a16="http://schemas.microsoft.com/office/drawing/2014/main" xmlns="" id="{00000000-0008-0000-0000-00004A1E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37595175"/>
          <a:ext cx="1209675" cy="7048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42</xdr:row>
      <xdr:rowOff>0</xdr:rowOff>
    </xdr:from>
    <xdr:to>
      <xdr:col>5</xdr:col>
      <xdr:colOff>0</xdr:colOff>
      <xdr:row>145</xdr:row>
      <xdr:rowOff>0</xdr:rowOff>
    </xdr:to>
    <xdr:sp macro="" textlink="">
      <xdr:nvSpPr>
        <xdr:cNvPr id="7755" name="Line 7">
          <a:extLst>
            <a:ext uri="{FF2B5EF4-FFF2-40B4-BE49-F238E27FC236}">
              <a16:creationId xmlns:a16="http://schemas.microsoft.com/office/drawing/2014/main" xmlns="" id="{00000000-0008-0000-0000-00004B1E0000}"/>
            </a:ext>
          </a:extLst>
        </xdr:cNvPr>
        <xdr:cNvSpPr>
          <a:spLocks noChangeShapeType="1"/>
        </xdr:cNvSpPr>
      </xdr:nvSpPr>
      <xdr:spPr bwMode="auto">
        <a:xfrm>
          <a:off x="0" y="31813500"/>
          <a:ext cx="10191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27</xdr:row>
      <xdr:rowOff>0</xdr:rowOff>
    </xdr:from>
    <xdr:to>
      <xdr:col>9</xdr:col>
      <xdr:colOff>0</xdr:colOff>
      <xdr:row>229</xdr:row>
      <xdr:rowOff>0</xdr:rowOff>
    </xdr:to>
    <xdr:sp macro="" textlink="">
      <xdr:nvSpPr>
        <xdr:cNvPr id="7756" name="Line 10">
          <a:extLst>
            <a:ext uri="{FF2B5EF4-FFF2-40B4-BE49-F238E27FC236}">
              <a16:creationId xmlns:a16="http://schemas.microsoft.com/office/drawing/2014/main" xmlns="" id="{00000000-0008-0000-0000-00004C1E0000}"/>
            </a:ext>
          </a:extLst>
        </xdr:cNvPr>
        <xdr:cNvSpPr>
          <a:spLocks noChangeShapeType="1"/>
        </xdr:cNvSpPr>
      </xdr:nvSpPr>
      <xdr:spPr bwMode="auto">
        <a:xfrm flipH="1" flipV="1">
          <a:off x="0" y="51044475"/>
          <a:ext cx="1819275" cy="4000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50</xdr:row>
      <xdr:rowOff>0</xdr:rowOff>
    </xdr:from>
    <xdr:to>
      <xdr:col>9</xdr:col>
      <xdr:colOff>0</xdr:colOff>
      <xdr:row>252</xdr:row>
      <xdr:rowOff>0</xdr:rowOff>
    </xdr:to>
    <xdr:sp macro="" textlink="">
      <xdr:nvSpPr>
        <xdr:cNvPr id="7757" name="Freeform 11">
          <a:extLst>
            <a:ext uri="{FF2B5EF4-FFF2-40B4-BE49-F238E27FC236}">
              <a16:creationId xmlns:a16="http://schemas.microsoft.com/office/drawing/2014/main" xmlns="" id="{00000000-0008-0000-0000-00004D1E0000}"/>
            </a:ext>
          </a:extLst>
        </xdr:cNvPr>
        <xdr:cNvSpPr>
          <a:spLocks/>
        </xdr:cNvSpPr>
      </xdr:nvSpPr>
      <xdr:spPr bwMode="auto">
        <a:xfrm>
          <a:off x="0" y="55454550"/>
          <a:ext cx="1819275" cy="447675"/>
        </a:xfrm>
        <a:custGeom>
          <a:avLst/>
          <a:gdLst>
            <a:gd name="T0" fmla="*/ 2147483646 w 189"/>
            <a:gd name="T1" fmla="*/ 2147483646 h 71"/>
            <a:gd name="T2" fmla="*/ 2147483646 w 189"/>
            <a:gd name="T3" fmla="*/ 2147483646 h 71"/>
            <a:gd name="T4" fmla="*/ 0 w 189"/>
            <a:gd name="T5" fmla="*/ 0 h 71"/>
            <a:gd name="T6" fmla="*/ 0 60000 65536"/>
            <a:gd name="T7" fmla="*/ 0 60000 65536"/>
            <a:gd name="T8" fmla="*/ 0 60000 65536"/>
            <a:gd name="T9" fmla="*/ 0 w 189"/>
            <a:gd name="T10" fmla="*/ 0 h 71"/>
            <a:gd name="T11" fmla="*/ 189 w 189"/>
            <a:gd name="T12" fmla="*/ 71 h 71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89" h="71">
              <a:moveTo>
                <a:pt x="188" y="70"/>
              </a:moveTo>
              <a:lnTo>
                <a:pt x="189" y="71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79</xdr:row>
      <xdr:rowOff>0</xdr:rowOff>
    </xdr:from>
    <xdr:to>
      <xdr:col>4</xdr:col>
      <xdr:colOff>0</xdr:colOff>
      <xdr:row>82</xdr:row>
      <xdr:rowOff>0</xdr:rowOff>
    </xdr:to>
    <xdr:sp macro="" textlink="">
      <xdr:nvSpPr>
        <xdr:cNvPr id="7758" name="Line 33">
          <a:extLst>
            <a:ext uri="{FF2B5EF4-FFF2-40B4-BE49-F238E27FC236}">
              <a16:creationId xmlns:a16="http://schemas.microsoft.com/office/drawing/2014/main" xmlns="" id="{00000000-0008-0000-0000-00004E1E0000}"/>
            </a:ext>
          </a:extLst>
        </xdr:cNvPr>
        <xdr:cNvSpPr>
          <a:spLocks noChangeShapeType="1"/>
        </xdr:cNvSpPr>
      </xdr:nvSpPr>
      <xdr:spPr bwMode="auto">
        <a:xfrm>
          <a:off x="0" y="17897475"/>
          <a:ext cx="819150" cy="6286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81</xdr:row>
      <xdr:rowOff>0</xdr:rowOff>
    </xdr:from>
    <xdr:to>
      <xdr:col>9</xdr:col>
      <xdr:colOff>0</xdr:colOff>
      <xdr:row>183</xdr:row>
      <xdr:rowOff>9525</xdr:rowOff>
    </xdr:to>
    <xdr:sp macro="" textlink="">
      <xdr:nvSpPr>
        <xdr:cNvPr id="7759" name="Line 3">
          <a:extLst>
            <a:ext uri="{FF2B5EF4-FFF2-40B4-BE49-F238E27FC236}">
              <a16:creationId xmlns:a16="http://schemas.microsoft.com/office/drawing/2014/main" xmlns="" id="{00000000-0008-0000-0000-00004F1E0000}"/>
            </a:ext>
          </a:extLst>
        </xdr:cNvPr>
        <xdr:cNvSpPr>
          <a:spLocks noChangeShapeType="1"/>
        </xdr:cNvSpPr>
      </xdr:nvSpPr>
      <xdr:spPr bwMode="auto">
        <a:xfrm flipH="1" flipV="1">
          <a:off x="0" y="41338500"/>
          <a:ext cx="1819275" cy="4095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28575</xdr:colOff>
      <xdr:row>210</xdr:row>
      <xdr:rowOff>9525</xdr:rowOff>
    </xdr:from>
    <xdr:to>
      <xdr:col>6</xdr:col>
      <xdr:colOff>0</xdr:colOff>
      <xdr:row>212</xdr:row>
      <xdr:rowOff>9525</xdr:rowOff>
    </xdr:to>
    <xdr:sp macro="" textlink="">
      <xdr:nvSpPr>
        <xdr:cNvPr id="7760" name="Freeform 4">
          <a:extLst>
            <a:ext uri="{FF2B5EF4-FFF2-40B4-BE49-F238E27FC236}">
              <a16:creationId xmlns:a16="http://schemas.microsoft.com/office/drawing/2014/main" xmlns="" id="{00000000-0008-0000-0000-0000501E0000}"/>
            </a:ext>
          </a:extLst>
        </xdr:cNvPr>
        <xdr:cNvSpPr>
          <a:spLocks/>
        </xdr:cNvSpPr>
      </xdr:nvSpPr>
      <xdr:spPr bwMode="auto">
        <a:xfrm>
          <a:off x="28575" y="47167800"/>
          <a:ext cx="1190625" cy="447675"/>
        </a:xfrm>
        <a:custGeom>
          <a:avLst/>
          <a:gdLst>
            <a:gd name="T0" fmla="*/ 0 w 123"/>
            <a:gd name="T1" fmla="*/ 0 h 50"/>
            <a:gd name="T2" fmla="*/ 2147483646 w 123"/>
            <a:gd name="T3" fmla="*/ 2147483646 h 50"/>
            <a:gd name="T4" fmla="*/ 0 60000 65536"/>
            <a:gd name="T5" fmla="*/ 0 60000 65536"/>
            <a:gd name="T6" fmla="*/ 0 w 123"/>
            <a:gd name="T7" fmla="*/ 0 h 50"/>
            <a:gd name="T8" fmla="*/ 123 w 123"/>
            <a:gd name="T9" fmla="*/ 50 h 50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23" h="50">
              <a:moveTo>
                <a:pt x="0" y="0"/>
              </a:moveTo>
              <a:lnTo>
                <a:pt x="123" y="5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66</xdr:row>
      <xdr:rowOff>9525</xdr:rowOff>
    </xdr:from>
    <xdr:to>
      <xdr:col>7</xdr:col>
      <xdr:colOff>0</xdr:colOff>
      <xdr:row>69</xdr:row>
      <xdr:rowOff>9525</xdr:rowOff>
    </xdr:to>
    <xdr:sp macro="" textlink="">
      <xdr:nvSpPr>
        <xdr:cNvPr id="7761" name="Freeform 1">
          <a:extLst>
            <a:ext uri="{FF2B5EF4-FFF2-40B4-BE49-F238E27FC236}">
              <a16:creationId xmlns:a16="http://schemas.microsoft.com/office/drawing/2014/main" xmlns="" id="{00000000-0008-0000-0000-0000511E0000}"/>
            </a:ext>
          </a:extLst>
        </xdr:cNvPr>
        <xdr:cNvSpPr>
          <a:spLocks/>
        </xdr:cNvSpPr>
      </xdr:nvSpPr>
      <xdr:spPr bwMode="auto">
        <a:xfrm>
          <a:off x="0" y="15011400"/>
          <a:ext cx="1419225" cy="600075"/>
        </a:xfrm>
        <a:custGeom>
          <a:avLst/>
          <a:gdLst>
            <a:gd name="T0" fmla="*/ 2147483646 w 147"/>
            <a:gd name="T1" fmla="*/ 2147483646 h 63"/>
            <a:gd name="T2" fmla="*/ 0 w 147"/>
            <a:gd name="T3" fmla="*/ 0 h 63"/>
            <a:gd name="T4" fmla="*/ 0 60000 65536"/>
            <a:gd name="T5" fmla="*/ 0 60000 65536"/>
            <a:gd name="T6" fmla="*/ 0 w 147"/>
            <a:gd name="T7" fmla="*/ 0 h 63"/>
            <a:gd name="T8" fmla="*/ 147 w 147"/>
            <a:gd name="T9" fmla="*/ 63 h 6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47" h="63">
              <a:moveTo>
                <a:pt x="147" y="6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BD267"/>
  <sheetViews>
    <sheetView showGridLines="0" tabSelected="1" view="pageBreakPreview" zoomScaleNormal="100" zoomScaleSheetLayoutView="100" workbookViewId="0">
      <selection activeCell="AI4" sqref="AI4"/>
    </sheetView>
  </sheetViews>
  <sheetFormatPr defaultRowHeight="15.75" customHeight="1"/>
  <cols>
    <col min="1" max="2" width="2.625" style="2" customWidth="1"/>
    <col min="3" max="3" width="2.875" style="2" customWidth="1"/>
    <col min="4" max="34" width="2.625" style="2" customWidth="1"/>
    <col min="35" max="16384" width="9" style="2"/>
  </cols>
  <sheetData>
    <row r="1" spans="1:33" ht="18" customHeight="1">
      <c r="A1" s="238" t="s">
        <v>17</v>
      </c>
      <c r="B1" s="238"/>
      <c r="C1" s="238"/>
      <c r="D1" s="238"/>
      <c r="E1" s="238"/>
      <c r="F1" s="238"/>
      <c r="G1" s="238"/>
      <c r="H1" s="238"/>
      <c r="I1" s="238"/>
      <c r="J1" s="238"/>
      <c r="K1" s="238"/>
      <c r="L1" s="238"/>
      <c r="M1" s="238"/>
      <c r="N1" s="238"/>
      <c r="O1" s="238"/>
      <c r="P1" s="238"/>
      <c r="Q1" s="238"/>
      <c r="R1" s="238"/>
      <c r="S1" s="238"/>
      <c r="T1" s="238"/>
      <c r="U1" s="238"/>
      <c r="V1" s="238"/>
      <c r="W1" s="238"/>
      <c r="X1" s="238"/>
      <c r="Y1" s="238"/>
      <c r="Z1" s="238"/>
      <c r="AA1" s="238"/>
      <c r="AB1" s="238"/>
      <c r="AC1" s="238"/>
      <c r="AD1" s="238"/>
      <c r="AE1" s="238"/>
      <c r="AF1" s="238"/>
      <c r="AG1" s="238"/>
    </row>
    <row r="2" spans="1:33" ht="15.95" customHeight="1"/>
    <row r="3" spans="1:33" s="1" customFormat="1" ht="20.100000000000001" customHeight="1">
      <c r="A3" s="1" t="s">
        <v>272</v>
      </c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</row>
    <row r="4" spans="1:33" ht="15.95" customHeight="1">
      <c r="B4" s="2" t="s">
        <v>344</v>
      </c>
      <c r="AG4" s="10" t="s">
        <v>18</v>
      </c>
    </row>
    <row r="5" spans="1:33" ht="15.95" customHeight="1">
      <c r="A5" s="242" t="s">
        <v>91</v>
      </c>
      <c r="B5" s="243"/>
      <c r="C5" s="243"/>
      <c r="D5" s="243"/>
      <c r="E5" s="243"/>
      <c r="F5" s="247" t="s">
        <v>92</v>
      </c>
      <c r="G5" s="247"/>
      <c r="H5" s="247"/>
      <c r="I5" s="247"/>
      <c r="J5" s="247"/>
      <c r="K5" s="247"/>
      <c r="L5" s="248"/>
      <c r="M5" s="246"/>
      <c r="N5" s="247"/>
      <c r="O5" s="247"/>
      <c r="P5" s="247"/>
      <c r="Q5" s="247"/>
      <c r="R5" s="247"/>
      <c r="S5" s="248"/>
      <c r="T5" s="246"/>
      <c r="U5" s="247"/>
      <c r="V5" s="247"/>
      <c r="W5" s="247"/>
      <c r="X5" s="247"/>
      <c r="Y5" s="247"/>
      <c r="Z5" s="247"/>
      <c r="AA5" s="247" t="s">
        <v>93</v>
      </c>
      <c r="AB5" s="247"/>
      <c r="AC5" s="247"/>
      <c r="AD5" s="247"/>
      <c r="AE5" s="247"/>
      <c r="AF5" s="247"/>
      <c r="AG5" s="267"/>
    </row>
    <row r="6" spans="1:33" ht="15.95" customHeight="1">
      <c r="A6" s="244"/>
      <c r="B6" s="245"/>
      <c r="C6" s="245"/>
      <c r="D6" s="245"/>
      <c r="E6" s="245"/>
      <c r="F6" s="241"/>
      <c r="G6" s="241"/>
      <c r="H6" s="241"/>
      <c r="I6" s="241"/>
      <c r="J6" s="241"/>
      <c r="K6" s="241"/>
      <c r="L6" s="241"/>
      <c r="M6" s="241" t="s">
        <v>94</v>
      </c>
      <c r="N6" s="241"/>
      <c r="O6" s="241"/>
      <c r="P6" s="241"/>
      <c r="Q6" s="241"/>
      <c r="R6" s="241"/>
      <c r="S6" s="241"/>
      <c r="T6" s="241" t="s">
        <v>95</v>
      </c>
      <c r="U6" s="241"/>
      <c r="V6" s="241"/>
      <c r="W6" s="241"/>
      <c r="X6" s="241"/>
      <c r="Y6" s="241"/>
      <c r="Z6" s="241"/>
      <c r="AA6" s="241"/>
      <c r="AB6" s="241"/>
      <c r="AC6" s="241"/>
      <c r="AD6" s="241"/>
      <c r="AE6" s="241"/>
      <c r="AF6" s="241"/>
      <c r="AG6" s="268"/>
    </row>
    <row r="7" spans="1:33" ht="20.100000000000001" customHeight="1">
      <c r="A7" s="239" t="s">
        <v>96</v>
      </c>
      <c r="B7" s="240"/>
      <c r="C7" s="240"/>
      <c r="D7" s="240"/>
      <c r="E7" s="240"/>
      <c r="F7" s="202" t="s">
        <v>276</v>
      </c>
      <c r="G7" s="202"/>
      <c r="H7" s="202"/>
      <c r="I7" s="203"/>
      <c r="J7" s="200">
        <v>4292</v>
      </c>
      <c r="K7" s="200"/>
      <c r="L7" s="200"/>
      <c r="M7" s="201" t="s">
        <v>276</v>
      </c>
      <c r="N7" s="202"/>
      <c r="O7" s="202"/>
      <c r="P7" s="203"/>
      <c r="Q7" s="200">
        <v>1198</v>
      </c>
      <c r="R7" s="200"/>
      <c r="S7" s="200"/>
      <c r="T7" s="201" t="s">
        <v>276</v>
      </c>
      <c r="U7" s="202"/>
      <c r="V7" s="202"/>
      <c r="W7" s="203"/>
      <c r="X7" s="200">
        <v>3094</v>
      </c>
      <c r="Y7" s="200"/>
      <c r="Z7" s="200"/>
      <c r="AA7" s="269" t="s">
        <v>205</v>
      </c>
      <c r="AB7" s="270"/>
      <c r="AC7" s="270"/>
      <c r="AD7" s="270"/>
      <c r="AE7" s="270"/>
      <c r="AF7" s="270"/>
      <c r="AG7" s="271"/>
    </row>
    <row r="8" spans="1:33" ht="12.95" customHeight="1">
      <c r="A8" s="11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V8" s="12"/>
      <c r="W8" s="12"/>
      <c r="X8" s="12"/>
      <c r="Y8" s="12"/>
      <c r="Z8" s="12"/>
      <c r="AD8" s="12"/>
      <c r="AE8" s="12"/>
      <c r="AF8" s="12"/>
      <c r="AG8" s="9" t="s">
        <v>273</v>
      </c>
    </row>
    <row r="9" spans="1:33" ht="15.95" customHeight="1"/>
    <row r="10" spans="1:33" s="1" customFormat="1" ht="20.100000000000001" customHeight="1">
      <c r="A10" s="1" t="s">
        <v>20</v>
      </c>
    </row>
    <row r="11" spans="1:33" ht="15.95" customHeight="1">
      <c r="B11" s="2" t="s">
        <v>344</v>
      </c>
      <c r="AG11" s="10" t="s">
        <v>18</v>
      </c>
    </row>
    <row r="12" spans="1:33" ht="18" customHeight="1">
      <c r="A12" s="356" t="s">
        <v>91</v>
      </c>
      <c r="B12" s="339"/>
      <c r="C12" s="339"/>
      <c r="D12" s="339"/>
      <c r="E12" s="339"/>
      <c r="F12" s="339"/>
      <c r="G12" s="339"/>
      <c r="H12" s="339"/>
      <c r="I12" s="339"/>
      <c r="J12" s="339"/>
      <c r="K12" s="340"/>
      <c r="L12" s="248" t="s">
        <v>96</v>
      </c>
      <c r="M12" s="337"/>
      <c r="N12" s="337"/>
      <c r="O12" s="337"/>
      <c r="P12" s="337"/>
      <c r="Q12" s="246"/>
      <c r="R12" s="339" t="s">
        <v>91</v>
      </c>
      <c r="S12" s="339"/>
      <c r="T12" s="339"/>
      <c r="U12" s="339"/>
      <c r="V12" s="339"/>
      <c r="W12" s="339"/>
      <c r="X12" s="339"/>
      <c r="Y12" s="339"/>
      <c r="Z12" s="339"/>
      <c r="AA12" s="340"/>
      <c r="AB12" s="248" t="s">
        <v>96</v>
      </c>
      <c r="AC12" s="337"/>
      <c r="AD12" s="337"/>
      <c r="AE12" s="337"/>
      <c r="AF12" s="337"/>
      <c r="AG12" s="338"/>
    </row>
    <row r="13" spans="1:33" ht="20.100000000000001" customHeight="1">
      <c r="A13" s="329" t="s">
        <v>98</v>
      </c>
      <c r="B13" s="220" t="s">
        <v>0</v>
      </c>
      <c r="C13" s="220"/>
      <c r="D13" s="220"/>
      <c r="E13" s="220"/>
      <c r="F13" s="220"/>
      <c r="G13" s="220"/>
      <c r="H13" s="220"/>
      <c r="I13" s="220"/>
      <c r="J13" s="220"/>
      <c r="K13" s="221"/>
      <c r="L13" s="249" t="s">
        <v>97</v>
      </c>
      <c r="M13" s="250"/>
      <c r="N13" s="250"/>
      <c r="O13" s="330">
        <v>263</v>
      </c>
      <c r="P13" s="330"/>
      <c r="Q13" s="368"/>
      <c r="R13" s="643" t="s">
        <v>225</v>
      </c>
      <c r="S13" s="220" t="s">
        <v>226</v>
      </c>
      <c r="T13" s="220"/>
      <c r="U13" s="220"/>
      <c r="V13" s="220"/>
      <c r="W13" s="220"/>
      <c r="X13" s="220"/>
      <c r="Y13" s="220"/>
      <c r="Z13" s="220"/>
      <c r="AA13" s="221"/>
      <c r="AB13" s="249" t="s">
        <v>97</v>
      </c>
      <c r="AC13" s="250"/>
      <c r="AD13" s="250"/>
      <c r="AE13" s="330">
        <v>17.5</v>
      </c>
      <c r="AF13" s="330"/>
      <c r="AG13" s="331"/>
    </row>
    <row r="14" spans="1:33" ht="20.100000000000001" customHeight="1">
      <c r="A14" s="304"/>
      <c r="B14" s="223" t="s">
        <v>101</v>
      </c>
      <c r="C14" s="223"/>
      <c r="D14" s="223"/>
      <c r="E14" s="223"/>
      <c r="F14" s="223"/>
      <c r="G14" s="223"/>
      <c r="H14" s="223"/>
      <c r="I14" s="223"/>
      <c r="J14" s="223"/>
      <c r="K14" s="224"/>
      <c r="L14" s="204" t="s">
        <v>97</v>
      </c>
      <c r="M14" s="205"/>
      <c r="N14" s="205"/>
      <c r="O14" s="106">
        <v>15</v>
      </c>
      <c r="P14" s="106"/>
      <c r="Q14" s="256"/>
      <c r="R14" s="644"/>
      <c r="S14" s="223" t="s">
        <v>227</v>
      </c>
      <c r="T14" s="223"/>
      <c r="U14" s="223"/>
      <c r="V14" s="223"/>
      <c r="W14" s="223"/>
      <c r="X14" s="223"/>
      <c r="Y14" s="223"/>
      <c r="Z14" s="223"/>
      <c r="AA14" s="224"/>
      <c r="AB14" s="204" t="s">
        <v>228</v>
      </c>
      <c r="AC14" s="205"/>
      <c r="AD14" s="205"/>
      <c r="AE14" s="106">
        <v>30</v>
      </c>
      <c r="AF14" s="106"/>
      <c r="AG14" s="107"/>
    </row>
    <row r="15" spans="1:33" ht="20.100000000000001" customHeight="1">
      <c r="A15" s="304"/>
      <c r="B15" s="223" t="s">
        <v>2</v>
      </c>
      <c r="C15" s="223"/>
      <c r="D15" s="223"/>
      <c r="E15" s="223"/>
      <c r="F15" s="223"/>
      <c r="G15" s="223"/>
      <c r="H15" s="223"/>
      <c r="I15" s="223"/>
      <c r="J15" s="223"/>
      <c r="K15" s="224"/>
      <c r="L15" s="204" t="s">
        <v>97</v>
      </c>
      <c r="M15" s="205"/>
      <c r="N15" s="205"/>
      <c r="O15" s="106">
        <v>241</v>
      </c>
      <c r="P15" s="106"/>
      <c r="Q15" s="256"/>
      <c r="R15" s="644"/>
      <c r="S15" s="223" t="s">
        <v>229</v>
      </c>
      <c r="T15" s="223"/>
      <c r="U15" s="223"/>
      <c r="V15" s="223"/>
      <c r="W15" s="223"/>
      <c r="X15" s="223"/>
      <c r="Y15" s="223"/>
      <c r="Z15" s="223"/>
      <c r="AA15" s="224"/>
      <c r="AB15" s="204" t="s">
        <v>97</v>
      </c>
      <c r="AC15" s="205"/>
      <c r="AD15" s="205"/>
      <c r="AE15" s="106">
        <v>97.5</v>
      </c>
      <c r="AF15" s="106"/>
      <c r="AG15" s="107"/>
    </row>
    <row r="16" spans="1:33" ht="20.100000000000001" customHeight="1">
      <c r="A16" s="304"/>
      <c r="B16" s="223" t="s">
        <v>4</v>
      </c>
      <c r="C16" s="223"/>
      <c r="D16" s="223"/>
      <c r="E16" s="223"/>
      <c r="F16" s="223"/>
      <c r="G16" s="223"/>
      <c r="H16" s="223"/>
      <c r="I16" s="223"/>
      <c r="J16" s="223"/>
      <c r="K16" s="224"/>
      <c r="L16" s="204" t="s">
        <v>97</v>
      </c>
      <c r="M16" s="205"/>
      <c r="N16" s="205"/>
      <c r="O16" s="106">
        <v>18</v>
      </c>
      <c r="P16" s="106"/>
      <c r="Q16" s="256"/>
      <c r="R16" s="644"/>
      <c r="S16" s="223" t="s">
        <v>230</v>
      </c>
      <c r="T16" s="223"/>
      <c r="U16" s="223"/>
      <c r="V16" s="223"/>
      <c r="W16" s="223"/>
      <c r="X16" s="223"/>
      <c r="Y16" s="223"/>
      <c r="Z16" s="223"/>
      <c r="AA16" s="224"/>
      <c r="AB16" s="204" t="s">
        <v>97</v>
      </c>
      <c r="AC16" s="205"/>
      <c r="AD16" s="205"/>
      <c r="AE16" s="106">
        <v>1</v>
      </c>
      <c r="AF16" s="106"/>
      <c r="AG16" s="107"/>
    </row>
    <row r="17" spans="1:34" ht="20.100000000000001" customHeight="1">
      <c r="A17" s="304"/>
      <c r="B17" s="223" t="s">
        <v>6</v>
      </c>
      <c r="C17" s="223"/>
      <c r="D17" s="223"/>
      <c r="E17" s="223"/>
      <c r="F17" s="223"/>
      <c r="G17" s="223"/>
      <c r="H17" s="223"/>
      <c r="I17" s="223"/>
      <c r="J17" s="223"/>
      <c r="K17" s="224"/>
      <c r="L17" s="204" t="s">
        <v>97</v>
      </c>
      <c r="M17" s="205"/>
      <c r="N17" s="205"/>
      <c r="O17" s="106">
        <v>291</v>
      </c>
      <c r="P17" s="106"/>
      <c r="Q17" s="256"/>
      <c r="R17" s="644"/>
      <c r="S17" s="223" t="s">
        <v>231</v>
      </c>
      <c r="T17" s="223"/>
      <c r="U17" s="223"/>
      <c r="V17" s="223"/>
      <c r="W17" s="223"/>
      <c r="X17" s="223"/>
      <c r="Y17" s="223"/>
      <c r="Z17" s="223"/>
      <c r="AA17" s="224"/>
      <c r="AB17" s="204" t="s">
        <v>97</v>
      </c>
      <c r="AC17" s="205"/>
      <c r="AD17" s="205"/>
      <c r="AE17" s="106">
        <v>42.8</v>
      </c>
      <c r="AF17" s="106"/>
      <c r="AG17" s="107"/>
    </row>
    <row r="18" spans="1:34" ht="20.100000000000001" customHeight="1">
      <c r="A18" s="304"/>
      <c r="B18" s="223" t="s">
        <v>8</v>
      </c>
      <c r="C18" s="223"/>
      <c r="D18" s="223"/>
      <c r="E18" s="223"/>
      <c r="F18" s="223"/>
      <c r="G18" s="223"/>
      <c r="H18" s="223"/>
      <c r="I18" s="223"/>
      <c r="J18" s="223"/>
      <c r="K18" s="224"/>
      <c r="L18" s="204" t="s">
        <v>97</v>
      </c>
      <c r="M18" s="205"/>
      <c r="N18" s="205"/>
      <c r="O18" s="106">
        <v>68</v>
      </c>
      <c r="P18" s="106"/>
      <c r="Q18" s="256"/>
      <c r="R18" s="644"/>
      <c r="S18" s="223" t="s">
        <v>232</v>
      </c>
      <c r="T18" s="223"/>
      <c r="U18" s="223"/>
      <c r="V18" s="223"/>
      <c r="W18" s="223"/>
      <c r="X18" s="223"/>
      <c r="Y18" s="223"/>
      <c r="Z18" s="223"/>
      <c r="AA18" s="224"/>
      <c r="AB18" s="204" t="s">
        <v>97</v>
      </c>
      <c r="AC18" s="205"/>
      <c r="AD18" s="205"/>
      <c r="AE18" s="106">
        <v>6.5</v>
      </c>
      <c r="AF18" s="106"/>
      <c r="AG18" s="107"/>
    </row>
    <row r="19" spans="1:34" ht="20.100000000000001" customHeight="1">
      <c r="A19" s="304"/>
      <c r="B19" s="223" t="s">
        <v>10</v>
      </c>
      <c r="C19" s="223"/>
      <c r="D19" s="223"/>
      <c r="E19" s="223"/>
      <c r="F19" s="223"/>
      <c r="G19" s="223"/>
      <c r="H19" s="223"/>
      <c r="I19" s="223"/>
      <c r="J19" s="223"/>
      <c r="K19" s="224"/>
      <c r="L19" s="204" t="s">
        <v>97</v>
      </c>
      <c r="M19" s="205"/>
      <c r="N19" s="205"/>
      <c r="O19" s="106">
        <v>34</v>
      </c>
      <c r="P19" s="106"/>
      <c r="Q19" s="256"/>
      <c r="R19" s="644"/>
      <c r="S19" s="223" t="s">
        <v>233</v>
      </c>
      <c r="T19" s="223"/>
      <c r="U19" s="223"/>
      <c r="V19" s="223"/>
      <c r="W19" s="223"/>
      <c r="X19" s="223"/>
      <c r="Y19" s="223"/>
      <c r="Z19" s="223"/>
      <c r="AA19" s="224"/>
      <c r="AB19" s="204" t="s">
        <v>97</v>
      </c>
      <c r="AC19" s="205"/>
      <c r="AD19" s="205"/>
      <c r="AE19" s="106">
        <v>1.2</v>
      </c>
      <c r="AF19" s="106"/>
      <c r="AG19" s="107"/>
    </row>
    <row r="20" spans="1:34" ht="20.100000000000001" customHeight="1">
      <c r="A20" s="304"/>
      <c r="B20" s="223" t="s">
        <v>102</v>
      </c>
      <c r="C20" s="223"/>
      <c r="D20" s="223"/>
      <c r="E20" s="223"/>
      <c r="F20" s="223"/>
      <c r="G20" s="223"/>
      <c r="H20" s="223"/>
      <c r="I20" s="223"/>
      <c r="J20" s="223"/>
      <c r="K20" s="224"/>
      <c r="L20" s="204" t="s">
        <v>97</v>
      </c>
      <c r="M20" s="205"/>
      <c r="N20" s="205"/>
      <c r="O20" s="106">
        <v>32</v>
      </c>
      <c r="P20" s="106"/>
      <c r="Q20" s="256"/>
      <c r="R20" s="644"/>
      <c r="S20" s="223" t="s">
        <v>234</v>
      </c>
      <c r="T20" s="223"/>
      <c r="U20" s="223"/>
      <c r="V20" s="223"/>
      <c r="W20" s="223"/>
      <c r="X20" s="223"/>
      <c r="Y20" s="223"/>
      <c r="Z20" s="223"/>
      <c r="AA20" s="224"/>
      <c r="AB20" s="204" t="s">
        <v>97</v>
      </c>
      <c r="AC20" s="205"/>
      <c r="AD20" s="205"/>
      <c r="AE20" s="106">
        <v>7.1</v>
      </c>
      <c r="AF20" s="106"/>
      <c r="AG20" s="107"/>
      <c r="AH20" s="14"/>
    </row>
    <row r="21" spans="1:34" ht="20.100000000000001" customHeight="1">
      <c r="A21" s="304"/>
      <c r="B21" s="223" t="s">
        <v>12</v>
      </c>
      <c r="C21" s="223"/>
      <c r="D21" s="223"/>
      <c r="E21" s="223"/>
      <c r="F21" s="223"/>
      <c r="G21" s="223"/>
      <c r="H21" s="223"/>
      <c r="I21" s="223"/>
      <c r="J21" s="223"/>
      <c r="K21" s="224"/>
      <c r="L21" s="204" t="s">
        <v>97</v>
      </c>
      <c r="M21" s="205"/>
      <c r="N21" s="205"/>
      <c r="O21" s="106">
        <v>69</v>
      </c>
      <c r="P21" s="106"/>
      <c r="Q21" s="256"/>
      <c r="R21" s="644"/>
      <c r="S21" s="223" t="s">
        <v>235</v>
      </c>
      <c r="T21" s="223"/>
      <c r="U21" s="223"/>
      <c r="V21" s="223"/>
      <c r="W21" s="223"/>
      <c r="X21" s="223"/>
      <c r="Y21" s="223"/>
      <c r="Z21" s="223"/>
      <c r="AA21" s="224"/>
      <c r="AB21" s="204" t="s">
        <v>97</v>
      </c>
      <c r="AC21" s="205"/>
      <c r="AD21" s="205"/>
      <c r="AE21" s="106">
        <v>31.2</v>
      </c>
      <c r="AF21" s="106"/>
      <c r="AG21" s="107"/>
    </row>
    <row r="22" spans="1:34" ht="20.100000000000001" customHeight="1">
      <c r="A22" s="304"/>
      <c r="B22" s="223" t="s">
        <v>103</v>
      </c>
      <c r="C22" s="223"/>
      <c r="D22" s="223"/>
      <c r="E22" s="223"/>
      <c r="F22" s="223"/>
      <c r="G22" s="223"/>
      <c r="H22" s="223"/>
      <c r="I22" s="223"/>
      <c r="J22" s="223"/>
      <c r="K22" s="224"/>
      <c r="L22" s="204" t="s">
        <v>97</v>
      </c>
      <c r="M22" s="205"/>
      <c r="N22" s="205"/>
      <c r="O22" s="106">
        <v>56</v>
      </c>
      <c r="P22" s="106"/>
      <c r="Q22" s="256"/>
      <c r="R22" s="644"/>
      <c r="S22" s="223" t="s">
        <v>236</v>
      </c>
      <c r="T22" s="223"/>
      <c r="U22" s="223"/>
      <c r="V22" s="223"/>
      <c r="W22" s="223"/>
      <c r="X22" s="223"/>
      <c r="Y22" s="223"/>
      <c r="Z22" s="223"/>
      <c r="AA22" s="224"/>
      <c r="AB22" s="204" t="s">
        <v>97</v>
      </c>
      <c r="AC22" s="205"/>
      <c r="AD22" s="205"/>
      <c r="AE22" s="106">
        <v>23.5</v>
      </c>
      <c r="AF22" s="106"/>
      <c r="AG22" s="107"/>
    </row>
    <row r="23" spans="1:34" ht="18.75" customHeight="1">
      <c r="A23" s="305"/>
      <c r="B23" s="306" t="s">
        <v>13</v>
      </c>
      <c r="C23" s="306"/>
      <c r="D23" s="306"/>
      <c r="E23" s="306"/>
      <c r="F23" s="306"/>
      <c r="G23" s="306"/>
      <c r="H23" s="306"/>
      <c r="I23" s="306"/>
      <c r="J23" s="306"/>
      <c r="K23" s="307"/>
      <c r="L23" s="204" t="s">
        <v>97</v>
      </c>
      <c r="M23" s="205"/>
      <c r="N23" s="205"/>
      <c r="O23" s="106">
        <v>111</v>
      </c>
      <c r="P23" s="106"/>
      <c r="Q23" s="256"/>
      <c r="R23" s="644"/>
      <c r="S23" s="223" t="s">
        <v>237</v>
      </c>
      <c r="T23" s="223"/>
      <c r="U23" s="223"/>
      <c r="V23" s="223"/>
      <c r="W23" s="223"/>
      <c r="X23" s="223"/>
      <c r="Y23" s="223"/>
      <c r="Z23" s="223"/>
      <c r="AA23" s="224"/>
      <c r="AB23" s="204" t="s">
        <v>97</v>
      </c>
      <c r="AC23" s="205"/>
      <c r="AD23" s="205"/>
      <c r="AE23" s="106">
        <v>97.4</v>
      </c>
      <c r="AF23" s="106"/>
      <c r="AG23" s="107"/>
    </row>
    <row r="24" spans="1:34" ht="19.5" customHeight="1">
      <c r="A24" s="357" t="s">
        <v>94</v>
      </c>
      <c r="B24" s="306"/>
      <c r="C24" s="306"/>
      <c r="D24" s="306"/>
      <c r="E24" s="306"/>
      <c r="F24" s="306"/>
      <c r="G24" s="306"/>
      <c r="H24" s="306"/>
      <c r="I24" s="306"/>
      <c r="J24" s="306"/>
      <c r="K24" s="307"/>
      <c r="L24" s="204" t="s">
        <v>97</v>
      </c>
      <c r="M24" s="205"/>
      <c r="N24" s="205"/>
      <c r="O24" s="106">
        <v>1198</v>
      </c>
      <c r="P24" s="106"/>
      <c r="Q24" s="256"/>
      <c r="R24" s="644"/>
      <c r="S24" s="223" t="s">
        <v>238</v>
      </c>
      <c r="T24" s="223"/>
      <c r="U24" s="223"/>
      <c r="V24" s="223"/>
      <c r="W24" s="223"/>
      <c r="X24" s="223"/>
      <c r="Y24" s="223"/>
      <c r="Z24" s="223"/>
      <c r="AA24" s="224"/>
      <c r="AB24" s="204" t="s">
        <v>97</v>
      </c>
      <c r="AC24" s="205"/>
      <c r="AD24" s="205"/>
      <c r="AE24" s="106">
        <v>64.599999999999994</v>
      </c>
      <c r="AF24" s="106"/>
      <c r="AG24" s="107"/>
    </row>
    <row r="25" spans="1:34" ht="19.5" customHeight="1">
      <c r="A25" s="304" t="s">
        <v>99</v>
      </c>
      <c r="B25" s="308" t="s">
        <v>100</v>
      </c>
      <c r="C25" s="223"/>
      <c r="D25" s="223"/>
      <c r="E25" s="223"/>
      <c r="F25" s="223"/>
      <c r="G25" s="223"/>
      <c r="H25" s="223"/>
      <c r="I25" s="223"/>
      <c r="J25" s="223"/>
      <c r="K25" s="224"/>
      <c r="L25" s="204" t="s">
        <v>228</v>
      </c>
      <c r="M25" s="205"/>
      <c r="N25" s="205"/>
      <c r="O25" s="106">
        <v>227</v>
      </c>
      <c r="P25" s="106"/>
      <c r="Q25" s="256"/>
      <c r="R25" s="644"/>
      <c r="S25" s="251" t="s">
        <v>343</v>
      </c>
      <c r="T25" s="251"/>
      <c r="U25" s="251"/>
      <c r="V25" s="251"/>
      <c r="W25" s="251"/>
      <c r="X25" s="251"/>
      <c r="Y25" s="251"/>
      <c r="Z25" s="251"/>
      <c r="AA25" s="251"/>
      <c r="AB25" s="334" t="s">
        <v>97</v>
      </c>
      <c r="AC25" s="335"/>
      <c r="AD25" s="335"/>
      <c r="AE25" s="332">
        <v>19</v>
      </c>
      <c r="AF25" s="332"/>
      <c r="AG25" s="333"/>
    </row>
    <row r="26" spans="1:34" ht="19.5" customHeight="1">
      <c r="A26" s="304"/>
      <c r="B26" s="308" t="s">
        <v>1</v>
      </c>
      <c r="C26" s="223"/>
      <c r="D26" s="223"/>
      <c r="E26" s="223"/>
      <c r="F26" s="223"/>
      <c r="G26" s="223"/>
      <c r="H26" s="223"/>
      <c r="I26" s="223"/>
      <c r="J26" s="223"/>
      <c r="K26" s="224"/>
      <c r="L26" s="204" t="s">
        <v>97</v>
      </c>
      <c r="M26" s="205"/>
      <c r="N26" s="205"/>
      <c r="O26" s="106">
        <v>186</v>
      </c>
      <c r="P26" s="106"/>
      <c r="Q26" s="256"/>
      <c r="R26" s="644"/>
      <c r="S26" s="251" t="s">
        <v>303</v>
      </c>
      <c r="T26" s="251"/>
      <c r="U26" s="251"/>
      <c r="V26" s="251"/>
      <c r="W26" s="251"/>
      <c r="X26" s="251"/>
      <c r="Y26" s="251"/>
      <c r="Z26" s="251"/>
      <c r="AA26" s="251"/>
      <c r="AB26" s="334" t="s">
        <v>97</v>
      </c>
      <c r="AC26" s="335"/>
      <c r="AD26" s="335"/>
      <c r="AE26" s="332">
        <v>2.9</v>
      </c>
      <c r="AF26" s="332"/>
      <c r="AG26" s="333"/>
    </row>
    <row r="27" spans="1:34" ht="19.5" customHeight="1">
      <c r="A27" s="304"/>
      <c r="B27" s="308" t="s">
        <v>3</v>
      </c>
      <c r="C27" s="223"/>
      <c r="D27" s="223"/>
      <c r="E27" s="223"/>
      <c r="F27" s="223"/>
      <c r="G27" s="223"/>
      <c r="H27" s="223"/>
      <c r="I27" s="223"/>
      <c r="J27" s="223"/>
      <c r="K27" s="224"/>
      <c r="L27" s="204" t="s">
        <v>97</v>
      </c>
      <c r="M27" s="205"/>
      <c r="N27" s="205"/>
      <c r="O27" s="106">
        <v>354</v>
      </c>
      <c r="P27" s="106"/>
      <c r="Q27" s="256"/>
      <c r="R27" s="644"/>
      <c r="S27" s="336" t="s">
        <v>342</v>
      </c>
      <c r="T27" s="336"/>
      <c r="U27" s="336"/>
      <c r="V27" s="336"/>
      <c r="W27" s="336"/>
      <c r="X27" s="336"/>
      <c r="Y27" s="336"/>
      <c r="Z27" s="336"/>
      <c r="AA27" s="336"/>
      <c r="AB27" s="334" t="s">
        <v>97</v>
      </c>
      <c r="AC27" s="335"/>
      <c r="AD27" s="335"/>
      <c r="AE27" s="106">
        <v>16.2</v>
      </c>
      <c r="AF27" s="106"/>
      <c r="AG27" s="107"/>
    </row>
    <row r="28" spans="1:34" ht="19.5" customHeight="1">
      <c r="A28" s="304"/>
      <c r="B28" s="308" t="s">
        <v>5</v>
      </c>
      <c r="C28" s="223"/>
      <c r="D28" s="223"/>
      <c r="E28" s="223"/>
      <c r="F28" s="223"/>
      <c r="G28" s="223"/>
      <c r="H28" s="223"/>
      <c r="I28" s="223"/>
      <c r="J28" s="223"/>
      <c r="K28" s="224"/>
      <c r="L28" s="204" t="s">
        <v>97</v>
      </c>
      <c r="M28" s="205"/>
      <c r="N28" s="205"/>
      <c r="O28" s="106">
        <v>33</v>
      </c>
      <c r="P28" s="106"/>
      <c r="Q28" s="256"/>
      <c r="R28" s="644"/>
      <c r="S28" s="336" t="s">
        <v>349</v>
      </c>
      <c r="T28" s="336"/>
      <c r="U28" s="336"/>
      <c r="V28" s="336"/>
      <c r="W28" s="336"/>
      <c r="X28" s="336"/>
      <c r="Y28" s="336"/>
      <c r="Z28" s="336"/>
      <c r="AA28" s="336"/>
      <c r="AB28" s="334" t="s">
        <v>97</v>
      </c>
      <c r="AC28" s="335"/>
      <c r="AD28" s="335"/>
      <c r="AE28" s="106">
        <v>15.7</v>
      </c>
      <c r="AF28" s="106"/>
      <c r="AG28" s="107"/>
    </row>
    <row r="29" spans="1:34" ht="19.5" customHeight="1">
      <c r="A29" s="305"/>
      <c r="B29" s="309" t="s">
        <v>7</v>
      </c>
      <c r="C29" s="306"/>
      <c r="D29" s="306"/>
      <c r="E29" s="306"/>
      <c r="F29" s="306"/>
      <c r="G29" s="306"/>
      <c r="H29" s="306"/>
      <c r="I29" s="306"/>
      <c r="J29" s="306"/>
      <c r="K29" s="307"/>
      <c r="L29" s="204" t="s">
        <v>97</v>
      </c>
      <c r="M29" s="205"/>
      <c r="N29" s="205"/>
      <c r="O29" s="106">
        <v>131</v>
      </c>
      <c r="P29" s="106"/>
      <c r="Q29" s="256"/>
      <c r="R29" s="645"/>
      <c r="S29" s="646" t="s">
        <v>350</v>
      </c>
      <c r="T29" s="646"/>
      <c r="U29" s="646"/>
      <c r="V29" s="646"/>
      <c r="W29" s="646"/>
      <c r="X29" s="646"/>
      <c r="Y29" s="646"/>
      <c r="Z29" s="646"/>
      <c r="AA29" s="646"/>
      <c r="AB29" s="647" t="s">
        <v>97</v>
      </c>
      <c r="AC29" s="648"/>
      <c r="AD29" s="648"/>
      <c r="AE29" s="649">
        <v>46.6</v>
      </c>
      <c r="AF29" s="649"/>
      <c r="AG29" s="650"/>
    </row>
    <row r="30" spans="1:34" ht="19.5" customHeight="1">
      <c r="A30" s="326" t="s">
        <v>9</v>
      </c>
      <c r="B30" s="327"/>
      <c r="C30" s="327"/>
      <c r="D30" s="327"/>
      <c r="E30" s="327"/>
      <c r="F30" s="327"/>
      <c r="G30" s="327"/>
      <c r="H30" s="327"/>
      <c r="I30" s="327"/>
      <c r="J30" s="327"/>
      <c r="K30" s="328"/>
      <c r="L30" s="204" t="s">
        <v>97</v>
      </c>
      <c r="M30" s="205"/>
      <c r="N30" s="205"/>
      <c r="O30" s="106">
        <v>34</v>
      </c>
      <c r="P30" s="106"/>
      <c r="Q30" s="256"/>
      <c r="R30" s="58"/>
      <c r="S30" s="3"/>
      <c r="T30" s="3"/>
      <c r="U30" s="3"/>
      <c r="V30" s="3"/>
      <c r="W30" s="3"/>
      <c r="X30" s="3"/>
      <c r="Y30" s="3"/>
      <c r="Z30" s="3"/>
      <c r="AA30" s="3"/>
      <c r="AB30" s="9"/>
      <c r="AC30" s="9"/>
      <c r="AD30" s="9"/>
      <c r="AE30" s="9"/>
      <c r="AF30" s="9"/>
      <c r="AG30" s="13"/>
    </row>
    <row r="31" spans="1:34" ht="19.5" customHeight="1">
      <c r="A31" s="323" t="s">
        <v>11</v>
      </c>
      <c r="B31" s="324"/>
      <c r="C31" s="324"/>
      <c r="D31" s="324"/>
      <c r="E31" s="324"/>
      <c r="F31" s="324"/>
      <c r="G31" s="324"/>
      <c r="H31" s="324"/>
      <c r="I31" s="324"/>
      <c r="J31" s="324"/>
      <c r="K31" s="325"/>
      <c r="L31" s="286" t="s">
        <v>97</v>
      </c>
      <c r="M31" s="287"/>
      <c r="N31" s="287"/>
      <c r="O31" s="292">
        <v>32</v>
      </c>
      <c r="P31" s="292"/>
      <c r="Q31" s="293"/>
      <c r="R31" s="59"/>
      <c r="S31" s="15"/>
      <c r="T31" s="15"/>
      <c r="U31" s="15"/>
      <c r="V31" s="15"/>
      <c r="W31" s="15"/>
      <c r="X31" s="15"/>
      <c r="Y31" s="15"/>
      <c r="Z31" s="73"/>
      <c r="AA31" s="73"/>
      <c r="AB31" s="73"/>
      <c r="AC31" s="73"/>
      <c r="AD31" s="73"/>
      <c r="AE31" s="73"/>
      <c r="AF31" s="73"/>
      <c r="AG31" s="16"/>
    </row>
    <row r="32" spans="1:34" ht="12.95" customHeight="1">
      <c r="A32" s="17"/>
      <c r="B32" s="17"/>
      <c r="C32" s="17"/>
      <c r="D32" s="17"/>
      <c r="E32" s="17"/>
      <c r="F32" s="17"/>
      <c r="G32" s="17"/>
      <c r="H32" s="17"/>
      <c r="I32" s="17"/>
      <c r="J32" s="17"/>
      <c r="K32" s="17"/>
      <c r="L32" s="18"/>
      <c r="M32" s="18"/>
      <c r="N32" s="19"/>
      <c r="O32" s="19"/>
      <c r="P32" s="19"/>
      <c r="Q32" s="19"/>
      <c r="Z32" s="62"/>
      <c r="AA32" s="62"/>
      <c r="AB32" s="62"/>
      <c r="AC32" s="60"/>
      <c r="AD32" s="60"/>
      <c r="AE32" s="60"/>
      <c r="AF32" s="60"/>
      <c r="AG32" s="9" t="s">
        <v>274</v>
      </c>
    </row>
    <row r="33" spans="1:56" ht="15.95" customHeight="1">
      <c r="Z33" s="55"/>
      <c r="AA33" s="55"/>
      <c r="AB33" s="55"/>
      <c r="AC33" s="55"/>
      <c r="AD33" s="55"/>
      <c r="AE33" s="55"/>
      <c r="AF33" s="55"/>
    </row>
    <row r="34" spans="1:56" s="1" customFormat="1" ht="19.5" customHeight="1">
      <c r="A34" s="80" t="s">
        <v>21</v>
      </c>
      <c r="Z34" s="55"/>
      <c r="AA34" s="55"/>
      <c r="AB34" s="55"/>
      <c r="AC34" s="55"/>
      <c r="AD34" s="55"/>
      <c r="AE34" s="55"/>
      <c r="AF34" s="55"/>
      <c r="AG34" s="55"/>
      <c r="AI34" s="64"/>
      <c r="AJ34" s="65"/>
      <c r="AK34" s="65"/>
      <c r="AL34" s="65"/>
      <c r="AM34" s="65"/>
      <c r="AN34" s="65"/>
      <c r="AO34" s="65"/>
      <c r="AP34" s="65"/>
      <c r="AQ34" s="65"/>
      <c r="AR34" s="65"/>
      <c r="AS34" s="65"/>
      <c r="AT34" s="66"/>
      <c r="AU34" s="66"/>
      <c r="AV34" s="66"/>
      <c r="AW34" s="66"/>
      <c r="AX34" s="66"/>
      <c r="AY34" s="67"/>
      <c r="AZ34" s="67"/>
      <c r="BA34" s="67"/>
      <c r="BB34" s="67"/>
      <c r="BC34" s="67"/>
      <c r="BD34" s="67"/>
    </row>
    <row r="35" spans="1:56" ht="15.95" customHeight="1">
      <c r="B35" s="3" t="s">
        <v>345</v>
      </c>
      <c r="AB35" s="10" t="s">
        <v>304</v>
      </c>
    </row>
    <row r="36" spans="1:56" ht="13.5" customHeight="1">
      <c r="A36" s="310" t="s">
        <v>19</v>
      </c>
      <c r="B36" s="257"/>
      <c r="C36" s="257"/>
      <c r="D36" s="257"/>
      <c r="E36" s="311"/>
      <c r="F36" s="257" t="s">
        <v>199</v>
      </c>
      <c r="G36" s="257"/>
      <c r="H36" s="257"/>
      <c r="I36" s="257"/>
      <c r="J36" s="257"/>
      <c r="K36" s="257"/>
      <c r="L36" s="263"/>
      <c r="M36" s="263"/>
      <c r="N36" s="263"/>
      <c r="O36" s="263"/>
      <c r="P36" s="264"/>
      <c r="Q36" s="257" t="s">
        <v>201</v>
      </c>
      <c r="R36" s="257"/>
      <c r="S36" s="257"/>
      <c r="T36" s="257"/>
      <c r="U36" s="257"/>
      <c r="V36" s="257"/>
      <c r="W36" s="78"/>
      <c r="X36" s="78"/>
      <c r="Y36" s="78"/>
      <c r="Z36" s="78"/>
      <c r="AA36" s="78"/>
      <c r="AB36" s="79"/>
    </row>
    <row r="37" spans="1:56" s="56" customFormat="1" ht="20.100000000000001" customHeight="1">
      <c r="A37" s="312"/>
      <c r="B37" s="258"/>
      <c r="C37" s="258"/>
      <c r="D37" s="258"/>
      <c r="E37" s="313"/>
      <c r="F37" s="258"/>
      <c r="G37" s="258"/>
      <c r="H37" s="258"/>
      <c r="I37" s="258"/>
      <c r="J37" s="258"/>
      <c r="K37" s="258"/>
      <c r="L37" s="259" t="s">
        <v>286</v>
      </c>
      <c r="M37" s="260"/>
      <c r="N37" s="260"/>
      <c r="O37" s="260"/>
      <c r="P37" s="262"/>
      <c r="Q37" s="258"/>
      <c r="R37" s="258"/>
      <c r="S37" s="258"/>
      <c r="T37" s="258"/>
      <c r="U37" s="258"/>
      <c r="V37" s="258"/>
      <c r="W37" s="259" t="s">
        <v>200</v>
      </c>
      <c r="X37" s="260"/>
      <c r="Y37" s="260"/>
      <c r="Z37" s="260"/>
      <c r="AA37" s="260"/>
      <c r="AB37" s="261"/>
    </row>
    <row r="38" spans="1:56" ht="20.100000000000001" customHeight="1">
      <c r="A38" s="320" t="s">
        <v>239</v>
      </c>
      <c r="B38" s="321"/>
      <c r="C38" s="321"/>
      <c r="D38" s="321"/>
      <c r="E38" s="322"/>
      <c r="F38" s="314">
        <f>SUM(F39:K41)</f>
        <v>468908</v>
      </c>
      <c r="G38" s="115"/>
      <c r="H38" s="115"/>
      <c r="I38" s="115"/>
      <c r="J38" s="115"/>
      <c r="K38" s="115"/>
      <c r="L38" s="115">
        <f>SUM(L39:P41)</f>
        <v>393321</v>
      </c>
      <c r="M38" s="115"/>
      <c r="N38" s="115"/>
      <c r="O38" s="115"/>
      <c r="P38" s="115"/>
      <c r="Q38" s="265">
        <f>SUM(Q39:U41)</f>
        <v>3214918</v>
      </c>
      <c r="R38" s="266"/>
      <c r="S38" s="266"/>
      <c r="T38" s="266"/>
      <c r="U38" s="266"/>
      <c r="V38" s="266"/>
      <c r="W38" s="284" t="s">
        <v>333</v>
      </c>
      <c r="X38" s="284"/>
      <c r="Y38" s="284"/>
      <c r="Z38" s="284"/>
      <c r="AA38" s="284"/>
      <c r="AB38" s="285"/>
    </row>
    <row r="39" spans="1:56" ht="20.100000000000001" customHeight="1">
      <c r="A39" s="317" t="s">
        <v>287</v>
      </c>
      <c r="B39" s="318"/>
      <c r="C39" s="318"/>
      <c r="D39" s="318"/>
      <c r="E39" s="319"/>
      <c r="F39" s="315">
        <v>7376</v>
      </c>
      <c r="G39" s="316"/>
      <c r="H39" s="316"/>
      <c r="I39" s="316"/>
      <c r="J39" s="316"/>
      <c r="K39" s="316"/>
      <c r="L39" s="316">
        <v>7376</v>
      </c>
      <c r="M39" s="316"/>
      <c r="N39" s="316"/>
      <c r="O39" s="316"/>
      <c r="P39" s="316"/>
      <c r="Q39" s="237">
        <v>190532</v>
      </c>
      <c r="R39" s="237"/>
      <c r="S39" s="237"/>
      <c r="T39" s="237"/>
      <c r="U39" s="237"/>
      <c r="V39" s="237"/>
      <c r="W39" s="231" t="s">
        <v>333</v>
      </c>
      <c r="X39" s="231"/>
      <c r="Y39" s="231"/>
      <c r="Z39" s="231"/>
      <c r="AA39" s="231"/>
      <c r="AB39" s="232"/>
    </row>
    <row r="40" spans="1:56" ht="20.100000000000001" customHeight="1">
      <c r="A40" s="317" t="s">
        <v>288</v>
      </c>
      <c r="B40" s="318"/>
      <c r="C40" s="318"/>
      <c r="D40" s="318"/>
      <c r="E40" s="319"/>
      <c r="F40" s="315">
        <v>37191</v>
      </c>
      <c r="G40" s="316"/>
      <c r="H40" s="316"/>
      <c r="I40" s="316"/>
      <c r="J40" s="316"/>
      <c r="K40" s="316"/>
      <c r="L40" s="316">
        <v>37191</v>
      </c>
      <c r="M40" s="316"/>
      <c r="N40" s="316"/>
      <c r="O40" s="316"/>
      <c r="P40" s="316"/>
      <c r="Q40" s="237">
        <v>416037</v>
      </c>
      <c r="R40" s="237"/>
      <c r="S40" s="237"/>
      <c r="T40" s="237"/>
      <c r="U40" s="237"/>
      <c r="V40" s="237"/>
      <c r="W40" s="233">
        <v>416037</v>
      </c>
      <c r="X40" s="233"/>
      <c r="Y40" s="233"/>
      <c r="Z40" s="233"/>
      <c r="AA40" s="233"/>
      <c r="AB40" s="234"/>
    </row>
    <row r="41" spans="1:56" ht="20.100000000000001" customHeight="1">
      <c r="A41" s="362" t="s">
        <v>289</v>
      </c>
      <c r="B41" s="363"/>
      <c r="C41" s="363"/>
      <c r="D41" s="363"/>
      <c r="E41" s="364"/>
      <c r="F41" s="345">
        <v>424341</v>
      </c>
      <c r="G41" s="346"/>
      <c r="H41" s="346"/>
      <c r="I41" s="346"/>
      <c r="J41" s="346"/>
      <c r="K41" s="346"/>
      <c r="L41" s="354">
        <v>348754</v>
      </c>
      <c r="M41" s="355"/>
      <c r="N41" s="355"/>
      <c r="O41" s="355"/>
      <c r="P41" s="345"/>
      <c r="Q41" s="354">
        <v>2608349</v>
      </c>
      <c r="R41" s="355"/>
      <c r="S41" s="355"/>
      <c r="T41" s="355"/>
      <c r="U41" s="355"/>
      <c r="V41" s="345"/>
      <c r="W41" s="354">
        <v>2182566</v>
      </c>
      <c r="X41" s="355"/>
      <c r="Y41" s="355"/>
      <c r="Z41" s="355"/>
      <c r="AA41" s="355"/>
      <c r="AB41" s="369"/>
    </row>
    <row r="42" spans="1:56" ht="13.5" customHeight="1">
      <c r="A42" s="53" t="s">
        <v>279</v>
      </c>
      <c r="B42" s="20"/>
      <c r="C42" s="20"/>
      <c r="D42" s="20"/>
      <c r="V42" s="9"/>
      <c r="W42" s="9"/>
      <c r="X42" s="9"/>
      <c r="Y42" s="9"/>
      <c r="Z42" s="9"/>
      <c r="AA42" s="9"/>
      <c r="AC42" s="9"/>
      <c r="AE42" s="9"/>
    </row>
    <row r="43" spans="1:56" ht="15.95" customHeight="1">
      <c r="B43" s="20"/>
      <c r="C43" s="20"/>
      <c r="D43" s="20"/>
      <c r="AA43" s="18"/>
      <c r="AB43" s="9" t="s">
        <v>263</v>
      </c>
      <c r="AC43" s="18"/>
      <c r="AD43" s="18"/>
      <c r="AE43" s="18"/>
      <c r="AF43" s="18"/>
    </row>
    <row r="44" spans="1:56" s="1" customFormat="1" ht="20.100000000000001" customHeight="1">
      <c r="A44" s="80" t="s">
        <v>23</v>
      </c>
    </row>
    <row r="45" spans="1:56" ht="15.95" customHeight="1">
      <c r="B45" s="3" t="s">
        <v>346</v>
      </c>
      <c r="AG45" s="10" t="s">
        <v>24</v>
      </c>
    </row>
    <row r="46" spans="1:56" ht="20.100000000000001" customHeight="1">
      <c r="A46" s="342" t="s">
        <v>19</v>
      </c>
      <c r="B46" s="342"/>
      <c r="C46" s="342"/>
      <c r="D46" s="342"/>
      <c r="E46" s="242"/>
      <c r="F46" s="612" t="s">
        <v>202</v>
      </c>
      <c r="G46" s="279"/>
      <c r="H46" s="279"/>
      <c r="I46" s="279"/>
      <c r="J46" s="279"/>
      <c r="K46" s="279"/>
      <c r="L46" s="279"/>
      <c r="M46" s="279"/>
      <c r="N46" s="279"/>
      <c r="O46" s="279"/>
      <c r="P46" s="279"/>
      <c r="Q46" s="279"/>
      <c r="R46" s="279"/>
      <c r="S46" s="613"/>
      <c r="T46" s="279" t="s">
        <v>203</v>
      </c>
      <c r="U46" s="279"/>
      <c r="V46" s="279"/>
      <c r="W46" s="279"/>
      <c r="X46" s="279"/>
      <c r="Y46" s="279"/>
      <c r="Z46" s="279"/>
      <c r="AA46" s="279"/>
      <c r="AB46" s="279"/>
      <c r="AC46" s="279"/>
      <c r="AD46" s="279"/>
      <c r="AE46" s="279"/>
      <c r="AF46" s="279"/>
      <c r="AG46" s="280"/>
    </row>
    <row r="47" spans="1:56" ht="20.100000000000001" customHeight="1">
      <c r="A47" s="347" t="s">
        <v>22</v>
      </c>
      <c r="B47" s="348"/>
      <c r="C47" s="348"/>
      <c r="D47" s="348"/>
      <c r="E47" s="349"/>
      <c r="F47" s="282">
        <f>SUM(F48:S50)</f>
        <v>251</v>
      </c>
      <c r="G47" s="282"/>
      <c r="H47" s="282"/>
      <c r="I47" s="282"/>
      <c r="J47" s="282"/>
      <c r="K47" s="282"/>
      <c r="L47" s="282"/>
      <c r="M47" s="282"/>
      <c r="N47" s="282"/>
      <c r="O47" s="282"/>
      <c r="P47" s="282"/>
      <c r="Q47" s="282"/>
      <c r="R47" s="282"/>
      <c r="S47" s="282"/>
      <c r="T47" s="282">
        <f>SUM(T48:AG50)</f>
        <v>3503.2</v>
      </c>
      <c r="U47" s="282"/>
      <c r="V47" s="282"/>
      <c r="W47" s="282"/>
      <c r="X47" s="282"/>
      <c r="Y47" s="282"/>
      <c r="Z47" s="282"/>
      <c r="AA47" s="282"/>
      <c r="AB47" s="282"/>
      <c r="AC47" s="282"/>
      <c r="AD47" s="282"/>
      <c r="AE47" s="282"/>
      <c r="AF47" s="282"/>
      <c r="AG47" s="283"/>
    </row>
    <row r="48" spans="1:56" ht="20.100000000000001" customHeight="1">
      <c r="A48" s="317" t="s">
        <v>206</v>
      </c>
      <c r="B48" s="318"/>
      <c r="C48" s="318"/>
      <c r="D48" s="318"/>
      <c r="E48" s="319"/>
      <c r="F48" s="167">
        <v>4</v>
      </c>
      <c r="G48" s="167"/>
      <c r="H48" s="167"/>
      <c r="I48" s="167"/>
      <c r="J48" s="167"/>
      <c r="K48" s="167"/>
      <c r="L48" s="167"/>
      <c r="M48" s="167"/>
      <c r="N48" s="167"/>
      <c r="O48" s="167"/>
      <c r="P48" s="167"/>
      <c r="Q48" s="167"/>
      <c r="R48" s="167"/>
      <c r="S48" s="167"/>
      <c r="T48" s="167">
        <v>588.5</v>
      </c>
      <c r="U48" s="167"/>
      <c r="V48" s="167"/>
      <c r="W48" s="167"/>
      <c r="X48" s="167"/>
      <c r="Y48" s="167"/>
      <c r="Z48" s="167"/>
      <c r="AA48" s="167"/>
      <c r="AB48" s="167"/>
      <c r="AC48" s="167"/>
      <c r="AD48" s="167"/>
      <c r="AE48" s="167"/>
      <c r="AF48" s="167"/>
      <c r="AG48" s="352"/>
    </row>
    <row r="49" spans="1:34" ht="20.100000000000001" customHeight="1">
      <c r="A49" s="317" t="s">
        <v>207</v>
      </c>
      <c r="B49" s="318"/>
      <c r="C49" s="318"/>
      <c r="D49" s="318"/>
      <c r="E49" s="319"/>
      <c r="F49" s="167">
        <v>27</v>
      </c>
      <c r="G49" s="167"/>
      <c r="H49" s="167"/>
      <c r="I49" s="167"/>
      <c r="J49" s="167"/>
      <c r="K49" s="167"/>
      <c r="L49" s="167"/>
      <c r="M49" s="167"/>
      <c r="N49" s="167"/>
      <c r="O49" s="167"/>
      <c r="P49" s="167"/>
      <c r="Q49" s="167"/>
      <c r="R49" s="167"/>
      <c r="S49" s="167"/>
      <c r="T49" s="167">
        <v>663.7</v>
      </c>
      <c r="U49" s="167"/>
      <c r="V49" s="167"/>
      <c r="W49" s="167"/>
      <c r="X49" s="167"/>
      <c r="Y49" s="167"/>
      <c r="Z49" s="167"/>
      <c r="AA49" s="167"/>
      <c r="AB49" s="167"/>
      <c r="AC49" s="167"/>
      <c r="AD49" s="167"/>
      <c r="AE49" s="167"/>
      <c r="AF49" s="167"/>
      <c r="AG49" s="352"/>
    </row>
    <row r="50" spans="1:34" ht="20.100000000000001" customHeight="1">
      <c r="A50" s="362" t="s">
        <v>284</v>
      </c>
      <c r="B50" s="363"/>
      <c r="C50" s="363"/>
      <c r="D50" s="363"/>
      <c r="E50" s="364"/>
      <c r="F50" s="351">
        <v>220</v>
      </c>
      <c r="G50" s="351"/>
      <c r="H50" s="351"/>
      <c r="I50" s="351"/>
      <c r="J50" s="351"/>
      <c r="K50" s="351"/>
      <c r="L50" s="351"/>
      <c r="M50" s="351"/>
      <c r="N50" s="351"/>
      <c r="O50" s="351"/>
      <c r="P50" s="351"/>
      <c r="Q50" s="351"/>
      <c r="R50" s="351"/>
      <c r="S50" s="351"/>
      <c r="T50" s="351">
        <v>2251</v>
      </c>
      <c r="U50" s="351"/>
      <c r="V50" s="351"/>
      <c r="W50" s="351"/>
      <c r="X50" s="351"/>
      <c r="Y50" s="351"/>
      <c r="Z50" s="351"/>
      <c r="AA50" s="351"/>
      <c r="AB50" s="351"/>
      <c r="AC50" s="351"/>
      <c r="AD50" s="351"/>
      <c r="AE50" s="351"/>
      <c r="AF50" s="351"/>
      <c r="AG50" s="353"/>
    </row>
    <row r="51" spans="1:34" ht="13.5" customHeight="1">
      <c r="B51" s="21"/>
      <c r="C51" s="21"/>
      <c r="D51" s="21"/>
      <c r="E51" s="21"/>
      <c r="F51" s="21"/>
      <c r="G51" s="21"/>
      <c r="H51" s="21"/>
      <c r="I51" s="21"/>
      <c r="J51" s="21"/>
      <c r="K51" s="21"/>
      <c r="L51" s="21"/>
      <c r="M51" s="21"/>
      <c r="N51" s="21"/>
      <c r="O51" s="21"/>
      <c r="P51" s="21"/>
      <c r="Q51" s="21"/>
      <c r="R51" s="21"/>
      <c r="S51" s="21"/>
      <c r="T51" s="21"/>
      <c r="U51" s="22"/>
      <c r="V51" s="22"/>
      <c r="W51" s="22"/>
      <c r="Y51" s="12"/>
      <c r="Z51" s="12"/>
      <c r="AA51" s="12"/>
      <c r="AB51" s="12"/>
      <c r="AC51" s="12"/>
      <c r="AD51" s="12"/>
      <c r="AE51" s="12"/>
      <c r="AF51" s="12"/>
      <c r="AG51" s="9" t="s">
        <v>210</v>
      </c>
    </row>
    <row r="52" spans="1:34" s="1" customFormat="1" ht="20.100000000000001" customHeight="1">
      <c r="A52" s="80" t="s">
        <v>264</v>
      </c>
    </row>
    <row r="53" spans="1:34" ht="15.95" customHeight="1">
      <c r="B53" s="2" t="s">
        <v>347</v>
      </c>
    </row>
    <row r="54" spans="1:34" ht="15.95" customHeight="1">
      <c r="A54" s="23" t="s">
        <v>25</v>
      </c>
      <c r="AE54" s="24"/>
      <c r="AF54" s="24"/>
      <c r="AG54" s="25" t="s">
        <v>26</v>
      </c>
    </row>
    <row r="55" spans="1:34" ht="15.95" customHeight="1">
      <c r="A55" s="358" t="s">
        <v>19</v>
      </c>
      <c r="B55" s="359"/>
      <c r="C55" s="359"/>
      <c r="D55" s="359"/>
      <c r="E55" s="359"/>
      <c r="F55" s="359"/>
      <c r="G55" s="360"/>
      <c r="H55" s="343" t="s">
        <v>27</v>
      </c>
      <c r="I55" s="343"/>
      <c r="J55" s="343"/>
      <c r="K55" s="343"/>
      <c r="L55" s="343"/>
      <c r="M55" s="343"/>
      <c r="N55" s="343"/>
      <c r="O55" s="343"/>
      <c r="P55" s="343"/>
      <c r="Q55" s="343"/>
      <c r="R55" s="343"/>
      <c r="S55" s="343"/>
      <c r="T55" s="343"/>
      <c r="U55" s="343"/>
      <c r="V55" s="343"/>
      <c r="W55" s="343"/>
      <c r="X55" s="343"/>
      <c r="Y55" s="343"/>
      <c r="Z55" s="343"/>
      <c r="AA55" s="343"/>
      <c r="AB55" s="343"/>
      <c r="AC55" s="343"/>
      <c r="AD55" s="344"/>
      <c r="AE55" s="252" t="s">
        <v>209</v>
      </c>
      <c r="AF55" s="253"/>
      <c r="AG55" s="253"/>
    </row>
    <row r="56" spans="1:34" ht="15.95" customHeight="1">
      <c r="A56" s="27"/>
      <c r="B56" s="9"/>
      <c r="C56" s="9"/>
      <c r="D56" s="9"/>
      <c r="E56" s="9"/>
      <c r="F56" s="28"/>
      <c r="G56" s="29"/>
      <c r="H56" s="108" t="s">
        <v>28</v>
      </c>
      <c r="I56" s="108"/>
      <c r="J56" s="108"/>
      <c r="K56" s="109"/>
      <c r="L56" s="108" t="s">
        <v>104</v>
      </c>
      <c r="M56" s="108"/>
      <c r="N56" s="108"/>
      <c r="O56" s="109"/>
      <c r="P56" s="275" t="s">
        <v>105</v>
      </c>
      <c r="Q56" s="276"/>
      <c r="R56" s="277"/>
      <c r="S56" s="275" t="s">
        <v>106</v>
      </c>
      <c r="T56" s="276"/>
      <c r="U56" s="277"/>
      <c r="V56" s="275" t="s">
        <v>107</v>
      </c>
      <c r="W56" s="276"/>
      <c r="X56" s="277"/>
      <c r="Y56" s="275" t="s">
        <v>29</v>
      </c>
      <c r="Z56" s="276"/>
      <c r="AA56" s="277"/>
      <c r="AB56" s="301" t="s">
        <v>30</v>
      </c>
      <c r="AC56" s="302"/>
      <c r="AD56" s="303"/>
      <c r="AE56" s="252"/>
      <c r="AF56" s="253"/>
      <c r="AG56" s="253"/>
    </row>
    <row r="57" spans="1:34" ht="15.95" customHeight="1">
      <c r="A57" s="365" t="s">
        <v>31</v>
      </c>
      <c r="B57" s="366"/>
      <c r="C57" s="366"/>
      <c r="D57" s="366"/>
      <c r="E57" s="366"/>
      <c r="F57" s="366"/>
      <c r="G57" s="367"/>
      <c r="H57" s="110"/>
      <c r="I57" s="110"/>
      <c r="J57" s="110"/>
      <c r="K57" s="111"/>
      <c r="L57" s="110"/>
      <c r="M57" s="110"/>
      <c r="N57" s="110"/>
      <c r="O57" s="111"/>
      <c r="P57" s="254"/>
      <c r="Q57" s="255"/>
      <c r="R57" s="278"/>
      <c r="S57" s="254"/>
      <c r="T57" s="255"/>
      <c r="U57" s="278"/>
      <c r="V57" s="254"/>
      <c r="W57" s="255"/>
      <c r="X57" s="278"/>
      <c r="Y57" s="254"/>
      <c r="Z57" s="255"/>
      <c r="AA57" s="278"/>
      <c r="AB57" s="254"/>
      <c r="AC57" s="255"/>
      <c r="AD57" s="278"/>
      <c r="AE57" s="254"/>
      <c r="AF57" s="255"/>
      <c r="AG57" s="255"/>
    </row>
    <row r="58" spans="1:34" ht="20.100000000000001" customHeight="1">
      <c r="A58" s="74"/>
      <c r="B58" s="350" t="s">
        <v>22</v>
      </c>
      <c r="C58" s="350"/>
      <c r="D58" s="350"/>
      <c r="E58" s="350"/>
      <c r="F58" s="350"/>
      <c r="G58" s="31"/>
      <c r="H58" s="112">
        <v>169</v>
      </c>
      <c r="I58" s="112"/>
      <c r="J58" s="112"/>
      <c r="K58" s="112"/>
      <c r="L58" s="112">
        <v>160</v>
      </c>
      <c r="M58" s="112"/>
      <c r="N58" s="112"/>
      <c r="O58" s="112"/>
      <c r="P58" s="113">
        <v>3</v>
      </c>
      <c r="Q58" s="113"/>
      <c r="R58" s="113"/>
      <c r="S58" s="113">
        <v>1</v>
      </c>
      <c r="T58" s="113"/>
      <c r="U58" s="113"/>
      <c r="V58" s="113">
        <v>2</v>
      </c>
      <c r="W58" s="113"/>
      <c r="X58" s="113"/>
      <c r="Y58" s="113">
        <v>1</v>
      </c>
      <c r="Z58" s="113"/>
      <c r="AA58" s="113"/>
      <c r="AB58" s="113">
        <v>2</v>
      </c>
      <c r="AC58" s="113"/>
      <c r="AD58" s="113"/>
      <c r="AE58" s="112">
        <v>10</v>
      </c>
      <c r="AF58" s="112"/>
      <c r="AG58" s="288"/>
    </row>
    <row r="59" spans="1:34" ht="20.100000000000001" customHeight="1">
      <c r="A59" s="30"/>
      <c r="B59" s="32"/>
      <c r="C59" s="341" t="s">
        <v>290</v>
      </c>
      <c r="D59" s="341"/>
      <c r="E59" s="341"/>
      <c r="F59" s="33"/>
      <c r="G59" s="34"/>
      <c r="H59" s="361">
        <v>50</v>
      </c>
      <c r="I59" s="361"/>
      <c r="J59" s="361"/>
      <c r="K59" s="361"/>
      <c r="L59" s="114">
        <v>48</v>
      </c>
      <c r="M59" s="114"/>
      <c r="N59" s="114"/>
      <c r="O59" s="114"/>
      <c r="P59" s="114">
        <v>1</v>
      </c>
      <c r="Q59" s="114"/>
      <c r="R59" s="114"/>
      <c r="S59" s="228" t="s">
        <v>205</v>
      </c>
      <c r="T59" s="228"/>
      <c r="U59" s="228"/>
      <c r="V59" s="228" t="s">
        <v>205</v>
      </c>
      <c r="W59" s="228"/>
      <c r="X59" s="228"/>
      <c r="Y59" s="228" t="s">
        <v>205</v>
      </c>
      <c r="Z59" s="228"/>
      <c r="AA59" s="228"/>
      <c r="AB59" s="114">
        <v>1</v>
      </c>
      <c r="AC59" s="114"/>
      <c r="AD59" s="114"/>
      <c r="AE59" s="114">
        <v>3</v>
      </c>
      <c r="AF59" s="114"/>
      <c r="AG59" s="272"/>
      <c r="AH59" s="6"/>
    </row>
    <row r="60" spans="1:34" ht="20.100000000000001" customHeight="1">
      <c r="A60" s="30"/>
      <c r="B60" s="32"/>
      <c r="C60" s="341" t="s">
        <v>291</v>
      </c>
      <c r="D60" s="341"/>
      <c r="E60" s="341"/>
      <c r="F60" s="33"/>
      <c r="G60" s="34"/>
      <c r="H60" s="361">
        <v>71</v>
      </c>
      <c r="I60" s="361"/>
      <c r="J60" s="361"/>
      <c r="K60" s="361"/>
      <c r="L60" s="114">
        <v>68</v>
      </c>
      <c r="M60" s="114"/>
      <c r="N60" s="114"/>
      <c r="O60" s="114"/>
      <c r="P60" s="228" t="s">
        <v>205</v>
      </c>
      <c r="Q60" s="228"/>
      <c r="R60" s="228"/>
      <c r="S60" s="114">
        <v>1</v>
      </c>
      <c r="T60" s="114"/>
      <c r="U60" s="114"/>
      <c r="V60" s="114">
        <v>1</v>
      </c>
      <c r="W60" s="114"/>
      <c r="X60" s="114"/>
      <c r="Y60" s="228" t="s">
        <v>205</v>
      </c>
      <c r="Z60" s="228"/>
      <c r="AA60" s="228"/>
      <c r="AB60" s="114">
        <v>1</v>
      </c>
      <c r="AC60" s="114"/>
      <c r="AD60" s="114"/>
      <c r="AE60" s="114">
        <v>2</v>
      </c>
      <c r="AF60" s="114"/>
      <c r="AG60" s="272"/>
      <c r="AH60" s="6"/>
    </row>
    <row r="61" spans="1:34" ht="20.100000000000001" customHeight="1">
      <c r="A61" s="30"/>
      <c r="B61" s="32"/>
      <c r="C61" s="341" t="s">
        <v>292</v>
      </c>
      <c r="D61" s="341"/>
      <c r="E61" s="341"/>
      <c r="F61" s="33"/>
      <c r="G61" s="34"/>
      <c r="H61" s="361">
        <v>17</v>
      </c>
      <c r="I61" s="361"/>
      <c r="J61" s="361"/>
      <c r="K61" s="361"/>
      <c r="L61" s="114">
        <v>14</v>
      </c>
      <c r="M61" s="114"/>
      <c r="N61" s="114"/>
      <c r="O61" s="114"/>
      <c r="P61" s="114">
        <v>1</v>
      </c>
      <c r="Q61" s="114"/>
      <c r="R61" s="114"/>
      <c r="S61" s="228" t="s">
        <v>205</v>
      </c>
      <c r="T61" s="228"/>
      <c r="U61" s="228"/>
      <c r="V61" s="114">
        <v>1</v>
      </c>
      <c r="W61" s="114"/>
      <c r="X61" s="114"/>
      <c r="Y61" s="114">
        <v>1</v>
      </c>
      <c r="Z61" s="114"/>
      <c r="AA61" s="114"/>
      <c r="AB61" s="228" t="s">
        <v>205</v>
      </c>
      <c r="AC61" s="228"/>
      <c r="AD61" s="228"/>
      <c r="AE61" s="114">
        <v>1</v>
      </c>
      <c r="AF61" s="114"/>
      <c r="AG61" s="272"/>
      <c r="AH61" s="6"/>
    </row>
    <row r="62" spans="1:34" ht="20.100000000000001" customHeight="1">
      <c r="A62" s="30"/>
      <c r="B62" s="32"/>
      <c r="C62" s="341" t="s">
        <v>293</v>
      </c>
      <c r="D62" s="341"/>
      <c r="E62" s="341"/>
      <c r="F62" s="33"/>
      <c r="G62" s="34"/>
      <c r="H62" s="361">
        <v>27</v>
      </c>
      <c r="I62" s="361"/>
      <c r="J62" s="361"/>
      <c r="K62" s="361"/>
      <c r="L62" s="114">
        <v>26</v>
      </c>
      <c r="M62" s="114"/>
      <c r="N62" s="114"/>
      <c r="O62" s="114"/>
      <c r="P62" s="114">
        <v>1</v>
      </c>
      <c r="Q62" s="114"/>
      <c r="R62" s="114"/>
      <c r="S62" s="228" t="s">
        <v>205</v>
      </c>
      <c r="T62" s="228"/>
      <c r="U62" s="228"/>
      <c r="V62" s="228" t="s">
        <v>205</v>
      </c>
      <c r="W62" s="228"/>
      <c r="X62" s="228"/>
      <c r="Y62" s="228" t="s">
        <v>205</v>
      </c>
      <c r="Z62" s="228"/>
      <c r="AA62" s="228"/>
      <c r="AB62" s="228" t="s">
        <v>205</v>
      </c>
      <c r="AC62" s="228"/>
      <c r="AD62" s="228"/>
      <c r="AE62" s="114">
        <v>2</v>
      </c>
      <c r="AF62" s="114"/>
      <c r="AG62" s="272"/>
      <c r="AH62" s="6"/>
    </row>
    <row r="63" spans="1:34" ht="20.100000000000001" customHeight="1">
      <c r="A63" s="35"/>
      <c r="B63" s="36"/>
      <c r="C63" s="404" t="s">
        <v>294</v>
      </c>
      <c r="D63" s="404"/>
      <c r="E63" s="404"/>
      <c r="F63" s="37"/>
      <c r="G63" s="38"/>
      <c r="H63" s="622">
        <v>4</v>
      </c>
      <c r="I63" s="622"/>
      <c r="J63" s="622"/>
      <c r="K63" s="622"/>
      <c r="L63" s="273">
        <v>4</v>
      </c>
      <c r="M63" s="273"/>
      <c r="N63" s="273"/>
      <c r="O63" s="273"/>
      <c r="P63" s="281" t="s">
        <v>205</v>
      </c>
      <c r="Q63" s="281"/>
      <c r="R63" s="281"/>
      <c r="S63" s="281" t="s">
        <v>205</v>
      </c>
      <c r="T63" s="281"/>
      <c r="U63" s="281"/>
      <c r="V63" s="281" t="s">
        <v>205</v>
      </c>
      <c r="W63" s="281"/>
      <c r="X63" s="281"/>
      <c r="Y63" s="281" t="s">
        <v>205</v>
      </c>
      <c r="Z63" s="281"/>
      <c r="AA63" s="281"/>
      <c r="AB63" s="281" t="s">
        <v>205</v>
      </c>
      <c r="AC63" s="281"/>
      <c r="AD63" s="281"/>
      <c r="AE63" s="273">
        <v>2</v>
      </c>
      <c r="AF63" s="273"/>
      <c r="AG63" s="274"/>
      <c r="AH63" s="6"/>
    </row>
    <row r="64" spans="1:34" s="3" customFormat="1" ht="12.95" customHeight="1">
      <c r="A64" s="28"/>
      <c r="B64" s="28"/>
      <c r="C64" s="28"/>
      <c r="D64" s="28"/>
      <c r="E64" s="39"/>
      <c r="F64" s="39"/>
      <c r="G64" s="7"/>
      <c r="H64" s="7"/>
      <c r="I64" s="7"/>
      <c r="J64" s="39"/>
      <c r="K64" s="39"/>
      <c r="L64" s="7"/>
      <c r="M64" s="7"/>
      <c r="N64" s="7"/>
      <c r="O64" s="39"/>
      <c r="P64" s="39"/>
      <c r="Q64" s="7"/>
      <c r="R64" s="7"/>
      <c r="S64" s="7"/>
      <c r="T64" s="39"/>
      <c r="U64" s="39"/>
      <c r="V64" s="7"/>
      <c r="W64" s="7"/>
      <c r="X64" s="7"/>
      <c r="Y64" s="39"/>
      <c r="Z64" s="39"/>
      <c r="AA64" s="7"/>
      <c r="AB64" s="9"/>
      <c r="AC64" s="9"/>
      <c r="AD64" s="9"/>
      <c r="AE64" s="9"/>
      <c r="AF64" s="9"/>
      <c r="AG64" s="26" t="s">
        <v>318</v>
      </c>
      <c r="AH64" s="7"/>
    </row>
    <row r="65" spans="1:34" s="3" customFormat="1" ht="15.95" customHeight="1">
      <c r="B65" s="2"/>
      <c r="C65" s="2"/>
      <c r="D65" s="28"/>
      <c r="E65" s="39"/>
      <c r="F65" s="39"/>
      <c r="G65" s="7"/>
      <c r="H65" s="7"/>
      <c r="I65" s="7"/>
      <c r="J65" s="39"/>
      <c r="K65" s="39"/>
      <c r="L65" s="7"/>
      <c r="M65" s="7"/>
      <c r="N65" s="7"/>
      <c r="O65" s="39"/>
      <c r="P65" s="39"/>
      <c r="Q65" s="7"/>
      <c r="R65" s="7"/>
      <c r="S65" s="7"/>
      <c r="T65" s="39"/>
      <c r="U65" s="39"/>
      <c r="V65" s="7"/>
      <c r="W65" s="7"/>
      <c r="X65" s="7"/>
      <c r="Y65" s="39"/>
      <c r="Z65" s="39"/>
      <c r="AA65" s="7"/>
      <c r="AB65" s="9"/>
      <c r="AC65" s="9"/>
      <c r="AD65" s="9"/>
      <c r="AE65" s="9"/>
      <c r="AF65" s="9"/>
      <c r="AG65" s="9"/>
      <c r="AH65" s="7"/>
    </row>
    <row r="66" spans="1:34" ht="15.95" customHeight="1">
      <c r="A66" s="23" t="s">
        <v>240</v>
      </c>
      <c r="AE66" s="24"/>
      <c r="AF66" s="24"/>
      <c r="AG66" s="25" t="s">
        <v>241</v>
      </c>
    </row>
    <row r="67" spans="1:34" ht="15.95" customHeight="1">
      <c r="A67" s="358" t="s">
        <v>19</v>
      </c>
      <c r="B67" s="359"/>
      <c r="C67" s="359"/>
      <c r="D67" s="359"/>
      <c r="E67" s="359"/>
      <c r="F67" s="359"/>
      <c r="G67" s="360"/>
      <c r="H67" s="343" t="s">
        <v>27</v>
      </c>
      <c r="I67" s="343"/>
      <c r="J67" s="343"/>
      <c r="K67" s="343"/>
      <c r="L67" s="343"/>
      <c r="M67" s="343"/>
      <c r="N67" s="343"/>
      <c r="O67" s="343"/>
      <c r="P67" s="343"/>
      <c r="Q67" s="343"/>
      <c r="R67" s="343"/>
      <c r="S67" s="343"/>
      <c r="T67" s="343"/>
      <c r="U67" s="343"/>
      <c r="V67" s="343"/>
      <c r="W67" s="343"/>
      <c r="X67" s="343"/>
      <c r="Y67" s="343"/>
      <c r="Z67" s="343"/>
      <c r="AA67" s="343"/>
      <c r="AB67" s="343"/>
      <c r="AC67" s="343"/>
      <c r="AD67" s="344"/>
      <c r="AE67" s="252" t="s">
        <v>209</v>
      </c>
      <c r="AF67" s="253"/>
      <c r="AG67" s="253"/>
    </row>
    <row r="68" spans="1:34" ht="15.95" customHeight="1">
      <c r="A68" s="27"/>
      <c r="B68" s="9"/>
      <c r="C68" s="9"/>
      <c r="D68" s="9"/>
      <c r="E68" s="9"/>
      <c r="F68" s="28"/>
      <c r="G68" s="29"/>
      <c r="H68" s="108" t="s">
        <v>28</v>
      </c>
      <c r="I68" s="108"/>
      <c r="J68" s="108"/>
      <c r="K68" s="109"/>
      <c r="L68" s="108" t="s">
        <v>104</v>
      </c>
      <c r="M68" s="108"/>
      <c r="N68" s="108"/>
      <c r="O68" s="109"/>
      <c r="P68" s="275" t="s">
        <v>105</v>
      </c>
      <c r="Q68" s="276"/>
      <c r="R68" s="277"/>
      <c r="S68" s="275" t="s">
        <v>106</v>
      </c>
      <c r="T68" s="276"/>
      <c r="U68" s="277"/>
      <c r="V68" s="275" t="s">
        <v>107</v>
      </c>
      <c r="W68" s="276"/>
      <c r="X68" s="277"/>
      <c r="Y68" s="275" t="s">
        <v>29</v>
      </c>
      <c r="Z68" s="276"/>
      <c r="AA68" s="277"/>
      <c r="AB68" s="301" t="s">
        <v>30</v>
      </c>
      <c r="AC68" s="302"/>
      <c r="AD68" s="303"/>
      <c r="AE68" s="252"/>
      <c r="AF68" s="253"/>
      <c r="AG68" s="253"/>
    </row>
    <row r="69" spans="1:34" ht="15.95" customHeight="1">
      <c r="A69" s="365" t="s">
        <v>31</v>
      </c>
      <c r="B69" s="366"/>
      <c r="C69" s="366"/>
      <c r="D69" s="366"/>
      <c r="E69" s="366"/>
      <c r="F69" s="366"/>
      <c r="G69" s="367"/>
      <c r="H69" s="110"/>
      <c r="I69" s="110"/>
      <c r="J69" s="110"/>
      <c r="K69" s="111"/>
      <c r="L69" s="110"/>
      <c r="M69" s="110"/>
      <c r="N69" s="110"/>
      <c r="O69" s="111"/>
      <c r="P69" s="254"/>
      <c r="Q69" s="255"/>
      <c r="R69" s="278"/>
      <c r="S69" s="254"/>
      <c r="T69" s="255"/>
      <c r="U69" s="278"/>
      <c r="V69" s="254"/>
      <c r="W69" s="255"/>
      <c r="X69" s="278"/>
      <c r="Y69" s="254"/>
      <c r="Z69" s="255"/>
      <c r="AA69" s="278"/>
      <c r="AB69" s="254"/>
      <c r="AC69" s="255"/>
      <c r="AD69" s="278"/>
      <c r="AE69" s="254"/>
      <c r="AF69" s="255"/>
      <c r="AG69" s="255"/>
    </row>
    <row r="70" spans="1:34" ht="20.100000000000001" customHeight="1">
      <c r="A70" s="74"/>
      <c r="B70" s="350" t="s">
        <v>22</v>
      </c>
      <c r="C70" s="350"/>
      <c r="D70" s="350"/>
      <c r="E70" s="350"/>
      <c r="F70" s="350"/>
      <c r="G70" s="31"/>
      <c r="H70" s="657">
        <v>454297</v>
      </c>
      <c r="I70" s="657"/>
      <c r="J70" s="657"/>
      <c r="K70" s="657"/>
      <c r="L70" s="112">
        <v>150916</v>
      </c>
      <c r="M70" s="112"/>
      <c r="N70" s="112"/>
      <c r="O70" s="112"/>
      <c r="P70" s="113">
        <v>63328</v>
      </c>
      <c r="Q70" s="113"/>
      <c r="R70" s="113"/>
      <c r="S70" s="113">
        <v>125987</v>
      </c>
      <c r="T70" s="113"/>
      <c r="U70" s="113"/>
      <c r="V70" s="113">
        <v>54499</v>
      </c>
      <c r="W70" s="113"/>
      <c r="X70" s="113"/>
      <c r="Y70" s="113">
        <v>26421</v>
      </c>
      <c r="Z70" s="113"/>
      <c r="AA70" s="113"/>
      <c r="AB70" s="113">
        <v>33146</v>
      </c>
      <c r="AC70" s="113"/>
      <c r="AD70" s="113"/>
      <c r="AE70" s="112">
        <v>3840</v>
      </c>
      <c r="AF70" s="112"/>
      <c r="AG70" s="288"/>
    </row>
    <row r="71" spans="1:34" ht="20.100000000000001" customHeight="1">
      <c r="A71" s="30"/>
      <c r="B71" s="32"/>
      <c r="C71" s="341" t="s">
        <v>290</v>
      </c>
      <c r="D71" s="341"/>
      <c r="E71" s="341"/>
      <c r="F71" s="33"/>
      <c r="G71" s="34"/>
      <c r="H71" s="611">
        <v>107794</v>
      </c>
      <c r="I71" s="611"/>
      <c r="J71" s="611"/>
      <c r="K71" s="611"/>
      <c r="L71" s="114">
        <v>75162</v>
      </c>
      <c r="M71" s="114"/>
      <c r="N71" s="114"/>
      <c r="O71" s="114"/>
      <c r="P71" s="114">
        <v>24128</v>
      </c>
      <c r="Q71" s="114"/>
      <c r="R71" s="114"/>
      <c r="S71" s="228" t="s">
        <v>205</v>
      </c>
      <c r="T71" s="228"/>
      <c r="U71" s="228"/>
      <c r="V71" s="228" t="s">
        <v>205</v>
      </c>
      <c r="W71" s="228"/>
      <c r="X71" s="228"/>
      <c r="Y71" s="228" t="s">
        <v>205</v>
      </c>
      <c r="Z71" s="228"/>
      <c r="AA71" s="228"/>
      <c r="AB71" s="114">
        <v>8504</v>
      </c>
      <c r="AC71" s="114"/>
      <c r="AD71" s="114"/>
      <c r="AE71" s="114">
        <v>1177</v>
      </c>
      <c r="AF71" s="114"/>
      <c r="AG71" s="272"/>
      <c r="AH71" s="6"/>
    </row>
    <row r="72" spans="1:34" ht="20.100000000000001" customHeight="1">
      <c r="A72" s="30"/>
      <c r="B72" s="32"/>
      <c r="C72" s="341" t="s">
        <v>291</v>
      </c>
      <c r="D72" s="341"/>
      <c r="E72" s="341"/>
      <c r="F72" s="33"/>
      <c r="G72" s="34"/>
      <c r="H72" s="611">
        <v>221961</v>
      </c>
      <c r="I72" s="611"/>
      <c r="J72" s="611"/>
      <c r="K72" s="611"/>
      <c r="L72" s="114">
        <v>31681</v>
      </c>
      <c r="M72" s="114"/>
      <c r="N72" s="114"/>
      <c r="O72" s="114"/>
      <c r="P72" s="228" t="s">
        <v>205</v>
      </c>
      <c r="Q72" s="228"/>
      <c r="R72" s="228"/>
      <c r="S72" s="114">
        <v>125987</v>
      </c>
      <c r="T72" s="114"/>
      <c r="U72" s="114"/>
      <c r="V72" s="114">
        <v>39651</v>
      </c>
      <c r="W72" s="114"/>
      <c r="X72" s="114"/>
      <c r="Y72" s="228" t="s">
        <v>205</v>
      </c>
      <c r="Z72" s="228"/>
      <c r="AA72" s="228"/>
      <c r="AB72" s="114">
        <v>24642</v>
      </c>
      <c r="AC72" s="114"/>
      <c r="AD72" s="114"/>
      <c r="AE72" s="114">
        <v>586</v>
      </c>
      <c r="AF72" s="114"/>
      <c r="AG72" s="272"/>
      <c r="AH72" s="6"/>
    </row>
    <row r="73" spans="1:34" ht="20.100000000000001" customHeight="1">
      <c r="A73" s="30"/>
      <c r="B73" s="32"/>
      <c r="C73" s="341" t="s">
        <v>292</v>
      </c>
      <c r="D73" s="341"/>
      <c r="E73" s="341"/>
      <c r="F73" s="33"/>
      <c r="G73" s="34"/>
      <c r="H73" s="611">
        <v>71232</v>
      </c>
      <c r="I73" s="611"/>
      <c r="J73" s="611"/>
      <c r="K73" s="611"/>
      <c r="L73" s="114">
        <v>9763</v>
      </c>
      <c r="M73" s="114"/>
      <c r="N73" s="114"/>
      <c r="O73" s="114"/>
      <c r="P73" s="114">
        <v>20200</v>
      </c>
      <c r="Q73" s="114"/>
      <c r="R73" s="114"/>
      <c r="S73" s="228" t="s">
        <v>205</v>
      </c>
      <c r="T73" s="228"/>
      <c r="U73" s="228"/>
      <c r="V73" s="114">
        <v>14848</v>
      </c>
      <c r="W73" s="114"/>
      <c r="X73" s="114"/>
      <c r="Y73" s="114">
        <v>26421</v>
      </c>
      <c r="Z73" s="114"/>
      <c r="AA73" s="114"/>
      <c r="AB73" s="228" t="s">
        <v>205</v>
      </c>
      <c r="AC73" s="228"/>
      <c r="AD73" s="228"/>
      <c r="AE73" s="114">
        <v>917</v>
      </c>
      <c r="AF73" s="114"/>
      <c r="AG73" s="272"/>
      <c r="AH73" s="6"/>
    </row>
    <row r="74" spans="1:34" ht="20.100000000000001" customHeight="1">
      <c r="A74" s="30"/>
      <c r="B74" s="32"/>
      <c r="C74" s="341" t="s">
        <v>293</v>
      </c>
      <c r="D74" s="341"/>
      <c r="E74" s="341"/>
      <c r="F74" s="33"/>
      <c r="G74" s="34"/>
      <c r="H74" s="611">
        <v>49650</v>
      </c>
      <c r="I74" s="611"/>
      <c r="J74" s="611"/>
      <c r="K74" s="611"/>
      <c r="L74" s="114">
        <v>30650</v>
      </c>
      <c r="M74" s="114"/>
      <c r="N74" s="114"/>
      <c r="O74" s="114"/>
      <c r="P74" s="114">
        <v>19000</v>
      </c>
      <c r="Q74" s="114"/>
      <c r="R74" s="114"/>
      <c r="S74" s="228" t="s">
        <v>205</v>
      </c>
      <c r="T74" s="228"/>
      <c r="U74" s="228"/>
      <c r="V74" s="228" t="s">
        <v>205</v>
      </c>
      <c r="W74" s="228"/>
      <c r="X74" s="228"/>
      <c r="Y74" s="228" t="s">
        <v>205</v>
      </c>
      <c r="Z74" s="228"/>
      <c r="AA74" s="228"/>
      <c r="AB74" s="228" t="s">
        <v>205</v>
      </c>
      <c r="AC74" s="228"/>
      <c r="AD74" s="228"/>
      <c r="AE74" s="114">
        <v>595</v>
      </c>
      <c r="AF74" s="114"/>
      <c r="AG74" s="272"/>
      <c r="AH74" s="6"/>
    </row>
    <row r="75" spans="1:34" ht="20.100000000000001" customHeight="1">
      <c r="A75" s="35"/>
      <c r="B75" s="36"/>
      <c r="C75" s="404" t="s">
        <v>294</v>
      </c>
      <c r="D75" s="404"/>
      <c r="E75" s="404"/>
      <c r="F75" s="37"/>
      <c r="G75" s="38"/>
      <c r="H75" s="610">
        <v>3660</v>
      </c>
      <c r="I75" s="610"/>
      <c r="J75" s="610"/>
      <c r="K75" s="610"/>
      <c r="L75" s="273">
        <v>3660</v>
      </c>
      <c r="M75" s="273"/>
      <c r="N75" s="273"/>
      <c r="O75" s="273"/>
      <c r="P75" s="281" t="s">
        <v>205</v>
      </c>
      <c r="Q75" s="281"/>
      <c r="R75" s="281"/>
      <c r="S75" s="281" t="s">
        <v>205</v>
      </c>
      <c r="T75" s="281"/>
      <c r="U75" s="281"/>
      <c r="V75" s="281" t="s">
        <v>205</v>
      </c>
      <c r="W75" s="281"/>
      <c r="X75" s="281"/>
      <c r="Y75" s="281" t="s">
        <v>205</v>
      </c>
      <c r="Z75" s="281"/>
      <c r="AA75" s="281"/>
      <c r="AB75" s="281" t="s">
        <v>205</v>
      </c>
      <c r="AC75" s="281"/>
      <c r="AD75" s="281"/>
      <c r="AE75" s="273">
        <v>565</v>
      </c>
      <c r="AF75" s="273"/>
      <c r="AG75" s="274"/>
      <c r="AH75" s="6"/>
    </row>
    <row r="76" spans="1:34" s="3" customFormat="1" ht="12.95" customHeight="1">
      <c r="A76" s="28"/>
      <c r="B76" s="28"/>
      <c r="C76" s="28"/>
      <c r="D76" s="28"/>
      <c r="E76" s="39"/>
      <c r="F76" s="39"/>
      <c r="G76" s="7"/>
      <c r="H76" s="7"/>
      <c r="I76" s="7"/>
      <c r="J76" s="39"/>
      <c r="K76" s="39"/>
      <c r="L76" s="7"/>
      <c r="M76" s="7"/>
      <c r="N76" s="7"/>
      <c r="O76" s="39"/>
      <c r="P76" s="39"/>
      <c r="Q76" s="7"/>
      <c r="R76" s="7"/>
      <c r="S76" s="7"/>
      <c r="T76" s="39"/>
      <c r="U76" s="39"/>
      <c r="V76" s="7"/>
      <c r="W76" s="7"/>
      <c r="X76" s="7"/>
      <c r="Y76" s="39"/>
      <c r="Z76" s="39"/>
      <c r="AA76" s="7"/>
      <c r="AB76" s="9"/>
      <c r="AC76" s="9"/>
      <c r="AD76" s="9"/>
      <c r="AE76" s="9"/>
      <c r="AF76" s="9"/>
      <c r="AG76" s="26" t="s">
        <v>318</v>
      </c>
      <c r="AH76" s="7"/>
    </row>
    <row r="77" spans="1:34" ht="15.95" customHeight="1">
      <c r="A77" s="11"/>
      <c r="B77" s="11"/>
      <c r="C77" s="11"/>
      <c r="D77" s="11"/>
      <c r="E77" s="42"/>
      <c r="F77" s="42"/>
      <c r="G77" s="6"/>
      <c r="H77" s="6"/>
      <c r="I77" s="6"/>
      <c r="J77" s="42"/>
      <c r="K77" s="42"/>
      <c r="L77" s="6"/>
      <c r="M77" s="6"/>
      <c r="N77" s="6"/>
      <c r="O77" s="42"/>
      <c r="P77" s="42"/>
      <c r="Q77" s="6"/>
      <c r="R77" s="6"/>
      <c r="S77" s="6"/>
      <c r="T77" s="42"/>
      <c r="U77" s="42"/>
      <c r="V77" s="6"/>
      <c r="W77" s="6"/>
      <c r="X77" s="6"/>
      <c r="Y77" s="42"/>
      <c r="Z77" s="42"/>
      <c r="AA77" s="6"/>
      <c r="AB77" s="18"/>
      <c r="AC77" s="18"/>
      <c r="AD77" s="18"/>
      <c r="AE77" s="18"/>
      <c r="AF77" s="18"/>
      <c r="AG77" s="18"/>
      <c r="AH77" s="6"/>
    </row>
    <row r="78" spans="1:34" ht="20.100000000000001" customHeight="1">
      <c r="A78" s="1" t="s">
        <v>265</v>
      </c>
    </row>
    <row r="79" spans="1:34" ht="15.95" customHeight="1">
      <c r="A79" s="1"/>
      <c r="B79" s="2" t="s">
        <v>242</v>
      </c>
      <c r="AE79" s="24"/>
      <c r="AF79" s="24"/>
      <c r="AG79" s="25" t="s">
        <v>243</v>
      </c>
    </row>
    <row r="80" spans="1:34" s="3" customFormat="1" ht="20.100000000000001" customHeight="1">
      <c r="A80" s="358" t="s">
        <v>91</v>
      </c>
      <c r="B80" s="359"/>
      <c r="C80" s="359"/>
      <c r="D80" s="360"/>
      <c r="E80" s="371" t="s">
        <v>108</v>
      </c>
      <c r="F80" s="372"/>
      <c r="G80" s="372"/>
      <c r="H80" s="373"/>
      <c r="I80" s="297" t="s">
        <v>109</v>
      </c>
      <c r="J80" s="298"/>
      <c r="K80" s="298"/>
      <c r="L80" s="299"/>
      <c r="M80" s="297" t="s">
        <v>110</v>
      </c>
      <c r="N80" s="298"/>
      <c r="O80" s="298"/>
      <c r="P80" s="298"/>
      <c r="Q80" s="298"/>
      <c r="R80" s="298"/>
      <c r="S80" s="298"/>
      <c r="T80" s="298"/>
      <c r="U80" s="298"/>
      <c r="V80" s="299"/>
      <c r="W80" s="297" t="s">
        <v>111</v>
      </c>
      <c r="X80" s="298"/>
      <c r="Y80" s="298"/>
      <c r="Z80" s="298"/>
      <c r="AA80" s="298"/>
      <c r="AB80" s="298"/>
      <c r="AC80" s="299"/>
      <c r="AD80" s="297" t="s">
        <v>112</v>
      </c>
      <c r="AE80" s="298"/>
      <c r="AF80" s="298"/>
      <c r="AG80" s="629"/>
    </row>
    <row r="81" spans="1:33" s="3" customFormat="1" ht="15" customHeight="1">
      <c r="A81" s="623"/>
      <c r="B81" s="624"/>
      <c r="C81" s="624"/>
      <c r="D81" s="625"/>
      <c r="E81" s="394" t="s">
        <v>244</v>
      </c>
      <c r="F81" s="395"/>
      <c r="G81" s="395"/>
      <c r="H81" s="396"/>
      <c r="I81" s="394" t="s">
        <v>245</v>
      </c>
      <c r="J81" s="395"/>
      <c r="K81" s="395"/>
      <c r="L81" s="396"/>
      <c r="M81" s="394" t="s">
        <v>246</v>
      </c>
      <c r="N81" s="395"/>
      <c r="O81" s="395"/>
      <c r="P81" s="396"/>
      <c r="Q81" s="158" t="s">
        <v>247</v>
      </c>
      <c r="R81" s="159"/>
      <c r="S81" s="159"/>
      <c r="T81" s="159"/>
      <c r="U81" s="159"/>
      <c r="V81" s="160"/>
      <c r="W81" s="394" t="s">
        <v>248</v>
      </c>
      <c r="X81" s="395"/>
      <c r="Y81" s="396"/>
      <c r="Z81" s="158" t="s">
        <v>247</v>
      </c>
      <c r="AA81" s="159"/>
      <c r="AB81" s="159"/>
      <c r="AC81" s="160"/>
      <c r="AD81" s="394" t="s">
        <v>249</v>
      </c>
      <c r="AE81" s="395"/>
      <c r="AF81" s="395"/>
      <c r="AG81" s="607"/>
    </row>
    <row r="82" spans="1:33" s="3" customFormat="1" ht="15" customHeight="1">
      <c r="A82" s="653" t="s">
        <v>149</v>
      </c>
      <c r="B82" s="654"/>
      <c r="C82" s="654"/>
      <c r="D82" s="655"/>
      <c r="E82" s="397"/>
      <c r="F82" s="193"/>
      <c r="G82" s="193"/>
      <c r="H82" s="194"/>
      <c r="I82" s="397"/>
      <c r="J82" s="193"/>
      <c r="K82" s="193"/>
      <c r="L82" s="194"/>
      <c r="M82" s="397"/>
      <c r="N82" s="193"/>
      <c r="O82" s="193"/>
      <c r="P82" s="194"/>
      <c r="Q82" s="158" t="s">
        <v>250</v>
      </c>
      <c r="R82" s="159"/>
      <c r="S82" s="160"/>
      <c r="T82" s="158" t="s">
        <v>251</v>
      </c>
      <c r="U82" s="159"/>
      <c r="V82" s="160"/>
      <c r="W82" s="397"/>
      <c r="X82" s="193"/>
      <c r="Y82" s="194"/>
      <c r="Z82" s="158" t="s">
        <v>252</v>
      </c>
      <c r="AA82" s="159"/>
      <c r="AB82" s="159"/>
      <c r="AC82" s="160"/>
      <c r="AD82" s="397"/>
      <c r="AE82" s="193"/>
      <c r="AF82" s="193"/>
      <c r="AG82" s="534"/>
    </row>
    <row r="83" spans="1:33" s="3" customFormat="1" ht="20.100000000000001" customHeight="1">
      <c r="A83" s="619">
        <v>4</v>
      </c>
      <c r="B83" s="620"/>
      <c r="C83" s="620"/>
      <c r="D83" s="621"/>
      <c r="E83" s="656">
        <v>1422.19</v>
      </c>
      <c r="F83" s="510"/>
      <c r="G83" s="510"/>
      <c r="H83" s="510"/>
      <c r="I83" s="510">
        <v>1346.42</v>
      </c>
      <c r="J83" s="510"/>
      <c r="K83" s="510"/>
      <c r="L83" s="510"/>
      <c r="M83" s="510">
        <v>1213.9100000000001</v>
      </c>
      <c r="N83" s="510"/>
      <c r="O83" s="510"/>
      <c r="P83" s="510"/>
      <c r="Q83" s="510">
        <v>85.35</v>
      </c>
      <c r="R83" s="510"/>
      <c r="S83" s="510"/>
      <c r="T83" s="510">
        <v>90.16</v>
      </c>
      <c r="U83" s="510"/>
      <c r="V83" s="510"/>
      <c r="W83" s="370">
        <v>71558</v>
      </c>
      <c r="X83" s="370"/>
      <c r="Y83" s="370"/>
      <c r="Z83" s="510">
        <v>98.72</v>
      </c>
      <c r="AA83" s="510"/>
      <c r="AB83" s="510"/>
      <c r="AC83" s="510"/>
      <c r="AD83" s="370">
        <v>70640</v>
      </c>
      <c r="AE83" s="370"/>
      <c r="AF83" s="370"/>
      <c r="AG83" s="631"/>
    </row>
    <row r="84" spans="1:33" s="3" customFormat="1" ht="20.100000000000001" customHeight="1">
      <c r="A84" s="614">
        <v>5</v>
      </c>
      <c r="B84" s="615"/>
      <c r="C84" s="615"/>
      <c r="D84" s="616"/>
      <c r="E84" s="642">
        <v>1422.19</v>
      </c>
      <c r="F84" s="618"/>
      <c r="G84" s="618"/>
      <c r="H84" s="618"/>
      <c r="I84" s="454">
        <v>1346.42</v>
      </c>
      <c r="J84" s="454"/>
      <c r="K84" s="454"/>
      <c r="L84" s="454"/>
      <c r="M84" s="618">
        <v>1215.46</v>
      </c>
      <c r="N84" s="618"/>
      <c r="O84" s="618"/>
      <c r="P84" s="618"/>
      <c r="Q84" s="454">
        <v>85.46</v>
      </c>
      <c r="R84" s="454"/>
      <c r="S84" s="454"/>
      <c r="T84" s="454">
        <v>90.27</v>
      </c>
      <c r="U84" s="454"/>
      <c r="V84" s="454"/>
      <c r="W84" s="651">
        <v>71579</v>
      </c>
      <c r="X84" s="651"/>
      <c r="Y84" s="651"/>
      <c r="Z84" s="454">
        <v>98.73</v>
      </c>
      <c r="AA84" s="454"/>
      <c r="AB84" s="454"/>
      <c r="AC84" s="454"/>
      <c r="AD84" s="651">
        <v>70673</v>
      </c>
      <c r="AE84" s="651"/>
      <c r="AF84" s="651"/>
      <c r="AG84" s="652"/>
    </row>
    <row r="85" spans="1:33" s="3" customFormat="1" ht="20.100000000000001" customHeight="1">
      <c r="A85" s="512">
        <v>6</v>
      </c>
      <c r="B85" s="513"/>
      <c r="C85" s="513"/>
      <c r="D85" s="514"/>
      <c r="E85" s="617">
        <v>1422.19</v>
      </c>
      <c r="F85" s="604"/>
      <c r="G85" s="604"/>
      <c r="H85" s="604"/>
      <c r="I85" s="604">
        <v>1346.42</v>
      </c>
      <c r="J85" s="604"/>
      <c r="K85" s="604"/>
      <c r="L85" s="604"/>
      <c r="M85" s="604">
        <v>1225.8599999999999</v>
      </c>
      <c r="N85" s="604"/>
      <c r="O85" s="604"/>
      <c r="P85" s="604"/>
      <c r="Q85" s="455">
        <v>86.2</v>
      </c>
      <c r="R85" s="455"/>
      <c r="S85" s="455"/>
      <c r="T85" s="455">
        <v>91.05</v>
      </c>
      <c r="U85" s="455"/>
      <c r="V85" s="455"/>
      <c r="W85" s="638">
        <v>71673</v>
      </c>
      <c r="X85" s="638"/>
      <c r="Y85" s="638"/>
      <c r="Z85" s="455">
        <v>98.73</v>
      </c>
      <c r="AA85" s="455"/>
      <c r="AB85" s="455"/>
      <c r="AC85" s="455"/>
      <c r="AD85" s="638">
        <v>70760</v>
      </c>
      <c r="AE85" s="638"/>
      <c r="AF85" s="638"/>
      <c r="AG85" s="639"/>
    </row>
    <row r="86" spans="1:33" s="3" customFormat="1" ht="13.5" customHeight="1">
      <c r="A86" s="2"/>
      <c r="AC86" s="9"/>
      <c r="AD86" s="9"/>
      <c r="AE86" s="9"/>
      <c r="AF86" s="9"/>
      <c r="AG86" s="9" t="s">
        <v>113</v>
      </c>
    </row>
    <row r="87" spans="1:33" s="3" customFormat="1" ht="15.95" customHeight="1">
      <c r="AB87" s="9"/>
      <c r="AC87" s="9"/>
      <c r="AD87" s="9"/>
      <c r="AE87" s="9"/>
      <c r="AF87" s="9"/>
      <c r="AG87" s="9"/>
    </row>
    <row r="88" spans="1:33" s="3" customFormat="1" ht="20.100000000000001" customHeight="1">
      <c r="A88" s="1" t="s">
        <v>266</v>
      </c>
      <c r="B88" s="1"/>
      <c r="AB88" s="9"/>
      <c r="AC88" s="9"/>
      <c r="AD88" s="9"/>
      <c r="AE88" s="9"/>
      <c r="AF88" s="9"/>
    </row>
    <row r="89" spans="1:33" s="3" customFormat="1" ht="14.25" customHeight="1">
      <c r="A89" s="1"/>
      <c r="B89" s="2" t="s">
        <v>347</v>
      </c>
      <c r="AB89" s="9"/>
      <c r="AC89" s="9"/>
      <c r="AD89" s="9"/>
      <c r="AE89" s="9"/>
      <c r="AF89" s="9"/>
    </row>
    <row r="90" spans="1:33" s="3" customFormat="1" ht="20.100000000000001" customHeight="1">
      <c r="A90" s="521" t="s">
        <v>114</v>
      </c>
      <c r="B90" s="290"/>
      <c r="C90" s="290"/>
      <c r="D90" s="290"/>
      <c r="E90" s="290"/>
      <c r="F90" s="290"/>
      <c r="G90" s="290"/>
      <c r="H90" s="290"/>
      <c r="I90" s="290"/>
      <c r="J90" s="290"/>
      <c r="K90" s="393"/>
      <c r="L90" s="290" t="s">
        <v>115</v>
      </c>
      <c r="M90" s="290"/>
      <c r="N90" s="290"/>
      <c r="O90" s="290"/>
      <c r="P90" s="290"/>
      <c r="Q90" s="290"/>
      <c r="R90" s="290"/>
      <c r="S90" s="290"/>
      <c r="T90" s="290"/>
      <c r="U90" s="290"/>
      <c r="V90" s="393"/>
      <c r="W90" s="290" t="s">
        <v>116</v>
      </c>
      <c r="X90" s="290"/>
      <c r="Y90" s="290"/>
      <c r="Z90" s="290"/>
      <c r="AA90" s="290"/>
      <c r="AB90" s="290"/>
      <c r="AC90" s="290"/>
      <c r="AD90" s="290"/>
      <c r="AE90" s="290"/>
      <c r="AF90" s="290"/>
      <c r="AG90" s="291"/>
    </row>
    <row r="91" spans="1:33" ht="20.100000000000001" customHeight="1">
      <c r="A91" s="632">
        <v>4</v>
      </c>
      <c r="B91" s="633"/>
      <c r="C91" s="633"/>
      <c r="D91" s="633"/>
      <c r="E91" s="633"/>
      <c r="F91" s="633"/>
      <c r="G91" s="633"/>
      <c r="H91" s="633"/>
      <c r="I91" s="633"/>
      <c r="J91" s="633"/>
      <c r="K91" s="634"/>
      <c r="L91" s="482">
        <v>7.08</v>
      </c>
      <c r="M91" s="482"/>
      <c r="N91" s="482"/>
      <c r="O91" s="482"/>
      <c r="P91" s="482"/>
      <c r="Q91" s="482"/>
      <c r="R91" s="482"/>
      <c r="S91" s="482"/>
      <c r="T91" s="482"/>
      <c r="U91" s="482"/>
      <c r="V91" s="483"/>
      <c r="W91" s="229">
        <v>220</v>
      </c>
      <c r="X91" s="229"/>
      <c r="Y91" s="229"/>
      <c r="Z91" s="229"/>
      <c r="AA91" s="229"/>
      <c r="AB91" s="229"/>
      <c r="AC91" s="229"/>
      <c r="AD91" s="229"/>
      <c r="AE91" s="229"/>
      <c r="AF91" s="229"/>
      <c r="AG91" s="230"/>
    </row>
    <row r="92" spans="1:33" s="3" customFormat="1" ht="12.95" customHeight="1">
      <c r="AB92" s="26"/>
      <c r="AC92" s="26"/>
      <c r="AD92" s="26"/>
      <c r="AE92" s="26"/>
      <c r="AF92" s="26"/>
      <c r="AG92" s="26" t="s">
        <v>300</v>
      </c>
    </row>
    <row r="93" spans="1:33" s="3" customFormat="1" ht="15.95" customHeight="1">
      <c r="A93" s="11"/>
      <c r="B93" s="11"/>
      <c r="C93" s="11"/>
      <c r="D93" s="11"/>
      <c r="E93" s="11"/>
      <c r="F93" s="11"/>
      <c r="G93" s="11"/>
      <c r="H93" s="11"/>
      <c r="I93" s="11"/>
      <c r="J93" s="11"/>
      <c r="K93" s="11"/>
      <c r="L93" s="11"/>
      <c r="M93" s="11"/>
      <c r="N93" s="11"/>
      <c r="O93" s="11"/>
      <c r="P93" s="11"/>
      <c r="Q93" s="11"/>
      <c r="R93" s="11"/>
      <c r="S93" s="11"/>
      <c r="T93" s="11"/>
      <c r="U93" s="11"/>
      <c r="V93" s="11"/>
      <c r="W93" s="11"/>
      <c r="X93" s="11"/>
      <c r="Y93" s="11"/>
      <c r="Z93" s="11"/>
      <c r="AA93" s="11"/>
      <c r="AB93" s="11"/>
      <c r="AC93" s="11"/>
      <c r="AD93" s="11"/>
      <c r="AE93" s="11"/>
      <c r="AF93" s="11"/>
      <c r="AG93" s="11"/>
    </row>
    <row r="94" spans="1:33" s="1" customFormat="1" ht="20.100000000000001" customHeight="1">
      <c r="A94" s="1" t="s">
        <v>267</v>
      </c>
    </row>
    <row r="95" spans="1:33" s="1" customFormat="1" ht="15.95" customHeight="1">
      <c r="B95" s="2" t="s">
        <v>348</v>
      </c>
    </row>
    <row r="96" spans="1:33" s="1" customFormat="1" ht="15.95" customHeight="1">
      <c r="A96" s="23" t="s">
        <v>311</v>
      </c>
      <c r="B96" s="2"/>
      <c r="AD96" s="6"/>
      <c r="AE96" s="6"/>
      <c r="AF96" s="6"/>
      <c r="AG96" s="25" t="s">
        <v>253</v>
      </c>
    </row>
    <row r="97" spans="1:36" ht="20.100000000000001" customHeight="1">
      <c r="A97" s="521" t="s">
        <v>14</v>
      </c>
      <c r="B97" s="290"/>
      <c r="C97" s="290"/>
      <c r="D97" s="290"/>
      <c r="E97" s="290"/>
      <c r="F97" s="290"/>
      <c r="G97" s="290"/>
      <c r="H97" s="290"/>
      <c r="I97" s="393"/>
      <c r="J97" s="289" t="s">
        <v>15</v>
      </c>
      <c r="K97" s="290"/>
      <c r="L97" s="290"/>
      <c r="M97" s="290"/>
      <c r="N97" s="290"/>
      <c r="O97" s="290"/>
      <c r="P97" s="290"/>
      <c r="Q97" s="290"/>
      <c r="R97" s="290"/>
      <c r="S97" s="290"/>
      <c r="T97" s="290"/>
      <c r="U97" s="393"/>
      <c r="V97" s="289" t="s">
        <v>16</v>
      </c>
      <c r="W97" s="290"/>
      <c r="X97" s="290"/>
      <c r="Y97" s="290"/>
      <c r="Z97" s="290"/>
      <c r="AA97" s="290"/>
      <c r="AB97" s="290"/>
      <c r="AC97" s="290"/>
      <c r="AD97" s="290"/>
      <c r="AE97" s="290"/>
      <c r="AF97" s="290"/>
      <c r="AG97" s="291"/>
      <c r="AH97" s="6"/>
    </row>
    <row r="98" spans="1:36" s="41" customFormat="1" ht="20.100000000000001" customHeight="1">
      <c r="A98" s="405" t="s">
        <v>197</v>
      </c>
      <c r="B98" s="406"/>
      <c r="C98" s="406"/>
      <c r="D98" s="406"/>
      <c r="E98" s="406"/>
      <c r="F98" s="406"/>
      <c r="G98" s="406"/>
      <c r="H98" s="406"/>
      <c r="I98" s="407"/>
      <c r="J98" s="605">
        <v>37.200000000000003</v>
      </c>
      <c r="K98" s="605"/>
      <c r="L98" s="605"/>
      <c r="M98" s="605"/>
      <c r="N98" s="605"/>
      <c r="O98" s="605"/>
      <c r="P98" s="605"/>
      <c r="Q98" s="605"/>
      <c r="R98" s="605"/>
      <c r="S98" s="605"/>
      <c r="T98" s="605"/>
      <c r="U98" s="606"/>
      <c r="V98" s="640">
        <v>9.1999999999999993</v>
      </c>
      <c r="W98" s="640"/>
      <c r="X98" s="640"/>
      <c r="Y98" s="640"/>
      <c r="Z98" s="640"/>
      <c r="AA98" s="640"/>
      <c r="AB98" s="640"/>
      <c r="AC98" s="640"/>
      <c r="AD98" s="640"/>
      <c r="AE98" s="640"/>
      <c r="AF98" s="640"/>
      <c r="AG98" s="641"/>
      <c r="AH98" s="40"/>
      <c r="AJ98" s="3"/>
    </row>
    <row r="99" spans="1:36" s="3" customFormat="1" ht="12.95" customHeight="1">
      <c r="A99" s="28"/>
      <c r="C99" s="39"/>
      <c r="D99" s="39"/>
      <c r="E99" s="39"/>
      <c r="F99" s="39"/>
      <c r="G99" s="39"/>
      <c r="H99" s="39"/>
      <c r="I99" s="39"/>
      <c r="J99" s="68"/>
      <c r="K99" s="68"/>
      <c r="L99" s="68"/>
      <c r="M99" s="68"/>
      <c r="N99" s="68"/>
      <c r="O99" s="68"/>
      <c r="P99" s="68"/>
      <c r="Q99" s="68"/>
      <c r="R99" s="68"/>
      <c r="S99" s="68"/>
      <c r="T99" s="68"/>
      <c r="U99" s="68"/>
      <c r="V99" s="68"/>
      <c r="W99" s="68"/>
      <c r="X99" s="68"/>
      <c r="Y99" s="68"/>
      <c r="Z99" s="68"/>
      <c r="AA99" s="68"/>
      <c r="AB99" s="68"/>
      <c r="AC99" s="68"/>
      <c r="AD99" s="68"/>
      <c r="AE99" s="68"/>
      <c r="AF99" s="68"/>
      <c r="AG99" s="39" t="s">
        <v>280</v>
      </c>
    </row>
    <row r="100" spans="1:36" s="3" customFormat="1" ht="15.95" customHeight="1">
      <c r="B100" s="11"/>
      <c r="C100" s="11"/>
      <c r="D100" s="11"/>
      <c r="E100" s="42"/>
      <c r="F100" s="39"/>
      <c r="G100" s="39"/>
      <c r="H100" s="39"/>
      <c r="I100" s="39"/>
      <c r="J100" s="39"/>
      <c r="K100" s="39"/>
      <c r="L100" s="39"/>
      <c r="M100" s="39"/>
      <c r="N100" s="39"/>
      <c r="O100" s="39"/>
      <c r="P100" s="39"/>
      <c r="Q100" s="39"/>
      <c r="R100" s="39"/>
      <c r="S100" s="39"/>
      <c r="T100" s="39"/>
      <c r="U100" s="39"/>
      <c r="V100" s="39"/>
      <c r="W100" s="39"/>
      <c r="X100" s="39"/>
      <c r="Y100" s="39"/>
      <c r="Z100" s="39"/>
      <c r="AA100" s="39"/>
      <c r="AB100" s="39"/>
      <c r="AC100" s="39"/>
      <c r="AD100" s="39"/>
      <c r="AE100" s="39"/>
      <c r="AF100" s="39"/>
      <c r="AG100" s="39"/>
      <c r="AH100" s="7"/>
    </row>
    <row r="101" spans="1:36" ht="15.95" customHeight="1">
      <c r="A101" s="81" t="s">
        <v>34</v>
      </c>
      <c r="F101" s="42"/>
      <c r="G101" s="6"/>
      <c r="H101" s="6"/>
      <c r="I101" s="6"/>
      <c r="J101" s="42"/>
      <c r="K101" s="42"/>
      <c r="L101" s="6"/>
      <c r="M101" s="6"/>
      <c r="N101" s="6"/>
      <c r="O101" s="42"/>
      <c r="P101" s="42"/>
      <c r="Q101" s="6"/>
      <c r="R101" s="6"/>
      <c r="S101" s="6"/>
      <c r="T101" s="42"/>
      <c r="U101" s="42"/>
      <c r="V101" s="6"/>
      <c r="W101" s="6"/>
      <c r="X101" s="6"/>
      <c r="Y101" s="42"/>
      <c r="Z101" s="42"/>
      <c r="AA101" s="6"/>
      <c r="AC101" s="6"/>
      <c r="AD101" s="6"/>
      <c r="AE101" s="6"/>
      <c r="AF101" s="6"/>
      <c r="AG101" s="43" t="s">
        <v>33</v>
      </c>
      <c r="AH101" s="6"/>
    </row>
    <row r="102" spans="1:36" ht="18.75" customHeight="1">
      <c r="A102" s="515" t="s">
        <v>35</v>
      </c>
      <c r="B102" s="247"/>
      <c r="C102" s="247"/>
      <c r="D102" s="247"/>
      <c r="E102" s="247"/>
      <c r="F102" s="247"/>
      <c r="G102" s="608" t="s">
        <v>36</v>
      </c>
      <c r="H102" s="608"/>
      <c r="I102" s="608"/>
      <c r="J102" s="608"/>
      <c r="K102" s="608"/>
      <c r="L102" s="247" t="s">
        <v>35</v>
      </c>
      <c r="M102" s="247"/>
      <c r="N102" s="247"/>
      <c r="O102" s="247"/>
      <c r="P102" s="247"/>
      <c r="Q102" s="247"/>
      <c r="R102" s="608" t="s">
        <v>36</v>
      </c>
      <c r="S102" s="608"/>
      <c r="T102" s="608"/>
      <c r="U102" s="608"/>
      <c r="V102" s="608"/>
      <c r="W102" s="247" t="s">
        <v>35</v>
      </c>
      <c r="X102" s="247"/>
      <c r="Y102" s="247"/>
      <c r="Z102" s="247"/>
      <c r="AA102" s="247"/>
      <c r="AB102" s="247"/>
      <c r="AC102" s="608" t="s">
        <v>36</v>
      </c>
      <c r="AD102" s="608"/>
      <c r="AE102" s="608"/>
      <c r="AF102" s="608"/>
      <c r="AG102" s="609"/>
      <c r="AH102" s="6"/>
    </row>
    <row r="103" spans="1:36" ht="18.75" customHeight="1">
      <c r="A103" s="590" t="s">
        <v>37</v>
      </c>
      <c r="B103" s="502"/>
      <c r="C103" s="502"/>
      <c r="D103" s="502"/>
      <c r="E103" s="502"/>
      <c r="F103" s="502"/>
      <c r="G103" s="155">
        <v>9.4</v>
      </c>
      <c r="H103" s="156"/>
      <c r="I103" s="156"/>
      <c r="J103" s="156"/>
      <c r="K103" s="507"/>
      <c r="L103" s="502" t="s">
        <v>38</v>
      </c>
      <c r="M103" s="502"/>
      <c r="N103" s="502"/>
      <c r="O103" s="502"/>
      <c r="P103" s="502"/>
      <c r="Q103" s="502"/>
      <c r="R103" s="155">
        <v>3.3</v>
      </c>
      <c r="S103" s="156"/>
      <c r="T103" s="156"/>
      <c r="U103" s="156"/>
      <c r="V103" s="507"/>
      <c r="W103" s="502" t="s">
        <v>39</v>
      </c>
      <c r="X103" s="502"/>
      <c r="Y103" s="502"/>
      <c r="Z103" s="502"/>
      <c r="AA103" s="502"/>
      <c r="AB103" s="502"/>
      <c r="AC103" s="155">
        <v>2</v>
      </c>
      <c r="AD103" s="156"/>
      <c r="AE103" s="156"/>
      <c r="AF103" s="156"/>
      <c r="AG103" s="157"/>
      <c r="AH103" s="6"/>
    </row>
    <row r="104" spans="1:36" ht="18.75" customHeight="1">
      <c r="A104" s="509" t="s">
        <v>40</v>
      </c>
      <c r="B104" s="300"/>
      <c r="C104" s="300"/>
      <c r="D104" s="300"/>
      <c r="E104" s="300"/>
      <c r="F104" s="300"/>
      <c r="G104" s="209">
        <v>1.7</v>
      </c>
      <c r="H104" s="210"/>
      <c r="I104" s="210"/>
      <c r="J104" s="210"/>
      <c r="K104" s="211"/>
      <c r="L104" s="300" t="s">
        <v>41</v>
      </c>
      <c r="M104" s="300"/>
      <c r="N104" s="300"/>
      <c r="O104" s="300"/>
      <c r="P104" s="300"/>
      <c r="Q104" s="300"/>
      <c r="R104" s="209">
        <v>2</v>
      </c>
      <c r="S104" s="210"/>
      <c r="T104" s="210"/>
      <c r="U104" s="210"/>
      <c r="V104" s="211"/>
      <c r="W104" s="300" t="s">
        <v>42</v>
      </c>
      <c r="X104" s="300"/>
      <c r="Y104" s="300"/>
      <c r="Z104" s="300"/>
      <c r="AA104" s="300"/>
      <c r="AB104" s="300"/>
      <c r="AC104" s="209">
        <v>1</v>
      </c>
      <c r="AD104" s="210"/>
      <c r="AE104" s="210"/>
      <c r="AF104" s="210"/>
      <c r="AG104" s="215"/>
      <c r="AH104" s="6"/>
    </row>
    <row r="105" spans="1:36" ht="18.75" customHeight="1">
      <c r="A105" s="630" t="s">
        <v>43</v>
      </c>
      <c r="B105" s="295"/>
      <c r="C105" s="295"/>
      <c r="D105" s="295"/>
      <c r="E105" s="295"/>
      <c r="F105" s="295"/>
      <c r="G105" s="119">
        <v>8.3000000000000007</v>
      </c>
      <c r="H105" s="120"/>
      <c r="I105" s="120"/>
      <c r="J105" s="120"/>
      <c r="K105" s="121"/>
      <c r="L105" s="295" t="s">
        <v>44</v>
      </c>
      <c r="M105" s="295"/>
      <c r="N105" s="295"/>
      <c r="O105" s="295"/>
      <c r="P105" s="295"/>
      <c r="Q105" s="295"/>
      <c r="R105" s="119">
        <v>2.9</v>
      </c>
      <c r="S105" s="120"/>
      <c r="T105" s="120"/>
      <c r="U105" s="120"/>
      <c r="V105" s="121"/>
      <c r="W105" s="294"/>
      <c r="X105" s="295"/>
      <c r="Y105" s="295"/>
      <c r="Z105" s="295"/>
      <c r="AA105" s="295"/>
      <c r="AB105" s="295"/>
      <c r="AC105" s="119"/>
      <c r="AD105" s="120"/>
      <c r="AE105" s="120"/>
      <c r="AF105" s="120"/>
      <c r="AG105" s="456"/>
      <c r="AH105" s="6"/>
    </row>
    <row r="106" spans="1:36" s="3" customFormat="1" ht="12.95" customHeight="1">
      <c r="A106" s="28"/>
      <c r="B106" s="28"/>
      <c r="C106" s="28"/>
      <c r="D106" s="28"/>
      <c r="E106" s="39"/>
      <c r="F106" s="39"/>
      <c r="G106" s="7"/>
      <c r="H106" s="7"/>
      <c r="I106" s="7"/>
      <c r="J106" s="39"/>
      <c r="K106" s="39"/>
      <c r="L106" s="7"/>
      <c r="M106" s="7"/>
      <c r="N106" s="7"/>
      <c r="O106" s="39"/>
      <c r="P106" s="39"/>
      <c r="Q106" s="7"/>
      <c r="R106" s="7"/>
      <c r="S106" s="7"/>
      <c r="T106" s="39"/>
      <c r="U106" s="39"/>
      <c r="V106" s="7"/>
      <c r="W106" s="7"/>
      <c r="X106" s="7"/>
      <c r="Z106" s="68"/>
      <c r="AA106" s="68"/>
      <c r="AB106" s="68"/>
      <c r="AC106" s="68"/>
      <c r="AD106" s="68"/>
      <c r="AE106" s="68"/>
      <c r="AF106" s="68"/>
      <c r="AG106" s="68" t="s">
        <v>45</v>
      </c>
      <c r="AH106" s="7"/>
    </row>
    <row r="107" spans="1:36" s="3" customFormat="1" ht="15.95" customHeight="1">
      <c r="B107" s="11"/>
      <c r="C107" s="11"/>
      <c r="D107" s="11"/>
      <c r="E107" s="42"/>
      <c r="F107" s="39"/>
      <c r="G107" s="7"/>
      <c r="H107" s="7"/>
      <c r="I107" s="7"/>
      <c r="J107" s="39"/>
      <c r="K107" s="39"/>
      <c r="L107" s="7"/>
      <c r="M107" s="7"/>
      <c r="N107" s="7"/>
      <c r="O107" s="39"/>
      <c r="P107" s="39"/>
      <c r="Q107" s="7"/>
      <c r="R107" s="7"/>
      <c r="S107" s="7"/>
      <c r="T107" s="39"/>
      <c r="U107" s="39"/>
      <c r="V107" s="7"/>
      <c r="W107" s="7"/>
      <c r="X107" s="7"/>
      <c r="Y107" s="39"/>
      <c r="Z107" s="39"/>
      <c r="AA107" s="39"/>
      <c r="AB107" s="39"/>
      <c r="AC107" s="39"/>
      <c r="AD107" s="39"/>
      <c r="AE107" s="39"/>
      <c r="AF107" s="39"/>
      <c r="AG107" s="39"/>
      <c r="AH107" s="7"/>
    </row>
    <row r="108" spans="1:36" ht="15.95" customHeight="1">
      <c r="A108" s="23" t="s">
        <v>254</v>
      </c>
      <c r="F108" s="42"/>
      <c r="G108" s="6"/>
      <c r="H108" s="6"/>
      <c r="I108" s="6"/>
      <c r="J108" s="42"/>
      <c r="K108" s="42"/>
      <c r="L108" s="6"/>
      <c r="M108" s="6"/>
      <c r="N108" s="6"/>
      <c r="O108" s="42"/>
      <c r="P108" s="42"/>
      <c r="Q108" s="6"/>
      <c r="R108" s="6"/>
      <c r="S108" s="6"/>
      <c r="T108" s="42"/>
      <c r="U108" s="42"/>
      <c r="V108" s="6"/>
      <c r="W108" s="6"/>
      <c r="X108" s="6"/>
      <c r="Y108" s="42"/>
      <c r="Z108" s="42"/>
      <c r="AA108" s="6"/>
      <c r="AC108" s="6"/>
      <c r="AD108" s="6"/>
      <c r="AE108" s="6"/>
      <c r="AF108" s="6"/>
      <c r="AG108" s="43" t="s">
        <v>253</v>
      </c>
      <c r="AH108" s="6"/>
    </row>
    <row r="109" spans="1:36" ht="20.100000000000001" customHeight="1">
      <c r="A109" s="521" t="s">
        <v>14</v>
      </c>
      <c r="B109" s="290"/>
      <c r="C109" s="290"/>
      <c r="D109" s="290"/>
      <c r="E109" s="290"/>
      <c r="F109" s="393"/>
      <c r="G109" s="216" t="s">
        <v>117</v>
      </c>
      <c r="H109" s="217"/>
      <c r="I109" s="217"/>
      <c r="J109" s="217"/>
      <c r="K109" s="218"/>
      <c r="L109" s="289" t="s">
        <v>14</v>
      </c>
      <c r="M109" s="290"/>
      <c r="N109" s="290"/>
      <c r="O109" s="290"/>
      <c r="P109" s="290"/>
      <c r="Q109" s="393"/>
      <c r="R109" s="216" t="s">
        <v>117</v>
      </c>
      <c r="S109" s="217"/>
      <c r="T109" s="217"/>
      <c r="U109" s="217"/>
      <c r="V109" s="218"/>
      <c r="W109" s="289" t="s">
        <v>14</v>
      </c>
      <c r="X109" s="290"/>
      <c r="Y109" s="290"/>
      <c r="Z109" s="290"/>
      <c r="AA109" s="290"/>
      <c r="AB109" s="393"/>
      <c r="AC109" s="216" t="s">
        <v>117</v>
      </c>
      <c r="AD109" s="217"/>
      <c r="AE109" s="217"/>
      <c r="AF109" s="217"/>
      <c r="AG109" s="296"/>
      <c r="AH109" s="6"/>
    </row>
    <row r="110" spans="1:36" ht="20.100000000000001" customHeight="1">
      <c r="A110" s="635" t="s">
        <v>118</v>
      </c>
      <c r="B110" s="636"/>
      <c r="C110" s="636"/>
      <c r="D110" s="636"/>
      <c r="E110" s="636"/>
      <c r="F110" s="637"/>
      <c r="G110" s="155">
        <v>0.7</v>
      </c>
      <c r="H110" s="156"/>
      <c r="I110" s="156"/>
      <c r="J110" s="156"/>
      <c r="K110" s="507"/>
      <c r="L110" s="504" t="s">
        <v>119</v>
      </c>
      <c r="M110" s="505"/>
      <c r="N110" s="505"/>
      <c r="O110" s="505"/>
      <c r="P110" s="505"/>
      <c r="Q110" s="506"/>
      <c r="R110" s="155">
        <v>1</v>
      </c>
      <c r="S110" s="156"/>
      <c r="T110" s="156"/>
      <c r="U110" s="156"/>
      <c r="V110" s="507"/>
      <c r="W110" s="504" t="s">
        <v>120</v>
      </c>
      <c r="X110" s="505"/>
      <c r="Y110" s="505"/>
      <c r="Z110" s="505"/>
      <c r="AA110" s="505"/>
      <c r="AB110" s="506"/>
      <c r="AC110" s="626">
        <v>0.2</v>
      </c>
      <c r="AD110" s="627"/>
      <c r="AE110" s="627"/>
      <c r="AF110" s="627"/>
      <c r="AG110" s="628"/>
      <c r="AH110" s="6"/>
    </row>
    <row r="111" spans="1:36" ht="20.100000000000001" customHeight="1">
      <c r="A111" s="461" t="s">
        <v>121</v>
      </c>
      <c r="B111" s="462"/>
      <c r="C111" s="462"/>
      <c r="D111" s="462"/>
      <c r="E111" s="462"/>
      <c r="F111" s="463"/>
      <c r="G111" s="209">
        <v>3.1</v>
      </c>
      <c r="H111" s="210"/>
      <c r="I111" s="210"/>
      <c r="J111" s="210"/>
      <c r="K111" s="211"/>
      <c r="L111" s="526" t="s">
        <v>122</v>
      </c>
      <c r="M111" s="527"/>
      <c r="N111" s="527"/>
      <c r="O111" s="527"/>
      <c r="P111" s="527"/>
      <c r="Q111" s="528"/>
      <c r="R111" s="209">
        <v>0.7</v>
      </c>
      <c r="S111" s="210"/>
      <c r="T111" s="210"/>
      <c r="U111" s="210"/>
      <c r="V111" s="211"/>
      <c r="W111" s="526" t="s">
        <v>123</v>
      </c>
      <c r="X111" s="527"/>
      <c r="Y111" s="527"/>
      <c r="Z111" s="527"/>
      <c r="AA111" s="527"/>
      <c r="AB111" s="528"/>
      <c r="AC111" s="225">
        <v>0.7</v>
      </c>
      <c r="AD111" s="226"/>
      <c r="AE111" s="226"/>
      <c r="AF111" s="226"/>
      <c r="AG111" s="227"/>
      <c r="AH111" s="6"/>
    </row>
    <row r="112" spans="1:36" ht="20.100000000000001" customHeight="1">
      <c r="A112" s="222" t="s">
        <v>124</v>
      </c>
      <c r="B112" s="223"/>
      <c r="C112" s="223"/>
      <c r="D112" s="223"/>
      <c r="E112" s="223"/>
      <c r="F112" s="224"/>
      <c r="G112" s="209">
        <v>1.1000000000000001</v>
      </c>
      <c r="H112" s="210"/>
      <c r="I112" s="210"/>
      <c r="J112" s="210"/>
      <c r="K112" s="211"/>
      <c r="L112" s="526" t="s">
        <v>125</v>
      </c>
      <c r="M112" s="527"/>
      <c r="N112" s="527"/>
      <c r="O112" s="527"/>
      <c r="P112" s="527"/>
      <c r="Q112" s="528"/>
      <c r="R112" s="209">
        <v>1.3</v>
      </c>
      <c r="S112" s="210"/>
      <c r="T112" s="210"/>
      <c r="U112" s="210"/>
      <c r="V112" s="211"/>
      <c r="W112" s="526" t="s">
        <v>126</v>
      </c>
      <c r="X112" s="527"/>
      <c r="Y112" s="527"/>
      <c r="Z112" s="527"/>
      <c r="AA112" s="527"/>
      <c r="AB112" s="528"/>
      <c r="AC112" s="225">
        <v>1.4</v>
      </c>
      <c r="AD112" s="226"/>
      <c r="AE112" s="226"/>
      <c r="AF112" s="226"/>
      <c r="AG112" s="227"/>
      <c r="AH112" s="6"/>
    </row>
    <row r="113" spans="1:34" ht="20.100000000000001" customHeight="1">
      <c r="A113" s="222" t="s">
        <v>127</v>
      </c>
      <c r="B113" s="223"/>
      <c r="C113" s="223"/>
      <c r="D113" s="223"/>
      <c r="E113" s="223"/>
      <c r="F113" s="224"/>
      <c r="G113" s="209">
        <v>1.3</v>
      </c>
      <c r="H113" s="210"/>
      <c r="I113" s="210"/>
      <c r="J113" s="210"/>
      <c r="K113" s="211"/>
      <c r="L113" s="526" t="s">
        <v>128</v>
      </c>
      <c r="M113" s="527"/>
      <c r="N113" s="527"/>
      <c r="O113" s="527"/>
      <c r="P113" s="527"/>
      <c r="Q113" s="528"/>
      <c r="R113" s="209">
        <v>0.4</v>
      </c>
      <c r="S113" s="210"/>
      <c r="T113" s="210"/>
      <c r="U113" s="210"/>
      <c r="V113" s="211"/>
      <c r="W113" s="526" t="s">
        <v>129</v>
      </c>
      <c r="X113" s="527"/>
      <c r="Y113" s="527"/>
      <c r="Z113" s="527"/>
      <c r="AA113" s="527"/>
      <c r="AB113" s="528"/>
      <c r="AC113" s="225">
        <v>0.9</v>
      </c>
      <c r="AD113" s="226"/>
      <c r="AE113" s="226"/>
      <c r="AF113" s="226"/>
      <c r="AG113" s="227"/>
      <c r="AH113" s="6"/>
    </row>
    <row r="114" spans="1:34" ht="20.100000000000001" customHeight="1">
      <c r="A114" s="222" t="s">
        <v>130</v>
      </c>
      <c r="B114" s="223"/>
      <c r="C114" s="223"/>
      <c r="D114" s="223"/>
      <c r="E114" s="223"/>
      <c r="F114" s="224"/>
      <c r="G114" s="209">
        <v>0.8</v>
      </c>
      <c r="H114" s="210"/>
      <c r="I114" s="210"/>
      <c r="J114" s="210"/>
      <c r="K114" s="211"/>
      <c r="L114" s="526" t="s">
        <v>131</v>
      </c>
      <c r="M114" s="527"/>
      <c r="N114" s="527"/>
      <c r="O114" s="527"/>
      <c r="P114" s="527"/>
      <c r="Q114" s="528"/>
      <c r="R114" s="209">
        <v>1.3</v>
      </c>
      <c r="S114" s="210"/>
      <c r="T114" s="210"/>
      <c r="U114" s="210"/>
      <c r="V114" s="211"/>
      <c r="W114" s="526" t="s">
        <v>132</v>
      </c>
      <c r="X114" s="527"/>
      <c r="Y114" s="527"/>
      <c r="Z114" s="527"/>
      <c r="AA114" s="527"/>
      <c r="AB114" s="528"/>
      <c r="AC114" s="225">
        <v>0.6</v>
      </c>
      <c r="AD114" s="226"/>
      <c r="AE114" s="226"/>
      <c r="AF114" s="226"/>
      <c r="AG114" s="227"/>
      <c r="AH114" s="6"/>
    </row>
    <row r="115" spans="1:34" ht="20.100000000000001" customHeight="1">
      <c r="A115" s="408" t="s">
        <v>133</v>
      </c>
      <c r="B115" s="409"/>
      <c r="C115" s="409"/>
      <c r="D115" s="409"/>
      <c r="E115" s="409"/>
      <c r="F115" s="410"/>
      <c r="G115" s="119">
        <v>0.8</v>
      </c>
      <c r="H115" s="120"/>
      <c r="I115" s="120"/>
      <c r="J115" s="120"/>
      <c r="K115" s="121"/>
      <c r="L115" s="387" t="s">
        <v>134</v>
      </c>
      <c r="M115" s="388"/>
      <c r="N115" s="388"/>
      <c r="O115" s="388"/>
      <c r="P115" s="388"/>
      <c r="Q115" s="389"/>
      <c r="R115" s="119">
        <v>1</v>
      </c>
      <c r="S115" s="120"/>
      <c r="T115" s="120"/>
      <c r="U115" s="120"/>
      <c r="V115" s="121"/>
      <c r="W115" s="387"/>
      <c r="X115" s="388"/>
      <c r="Y115" s="388"/>
      <c r="Z115" s="388"/>
      <c r="AA115" s="388"/>
      <c r="AB115" s="389"/>
      <c r="AC115" s="601"/>
      <c r="AD115" s="602"/>
      <c r="AE115" s="602"/>
      <c r="AF115" s="602"/>
      <c r="AG115" s="603"/>
      <c r="AH115" s="6"/>
    </row>
    <row r="116" spans="1:34" ht="12.95" customHeight="1">
      <c r="A116" s="11"/>
      <c r="B116" s="17"/>
      <c r="C116" s="17"/>
      <c r="D116" s="17"/>
      <c r="E116" s="17"/>
      <c r="F116" s="17"/>
      <c r="G116" s="44"/>
      <c r="H116" s="44"/>
      <c r="I116" s="44"/>
      <c r="J116" s="44"/>
      <c r="K116" s="44"/>
      <c r="L116" s="6"/>
      <c r="M116" s="17"/>
      <c r="N116" s="17"/>
      <c r="O116" s="17"/>
      <c r="P116" s="17"/>
      <c r="Q116" s="17"/>
      <c r="R116" s="44"/>
      <c r="S116" s="44"/>
      <c r="T116" s="44"/>
      <c r="U116" s="44"/>
      <c r="V116" s="44"/>
      <c r="W116" s="6"/>
      <c r="X116" s="6"/>
      <c r="Y116" s="39"/>
      <c r="Z116" s="39"/>
      <c r="AA116" s="39"/>
      <c r="AB116" s="39"/>
      <c r="AC116" s="39"/>
      <c r="AD116" s="39"/>
      <c r="AE116" s="39"/>
      <c r="AF116" s="39"/>
      <c r="AG116" s="26" t="s">
        <v>32</v>
      </c>
      <c r="AH116" s="6"/>
    </row>
    <row r="117" spans="1:34" ht="15.95" customHeight="1">
      <c r="B117" s="11"/>
      <c r="C117" s="11"/>
      <c r="D117" s="11"/>
      <c r="E117" s="42"/>
      <c r="F117" s="17"/>
      <c r="G117" s="44"/>
      <c r="H117" s="44"/>
      <c r="I117" s="44"/>
      <c r="J117" s="44"/>
      <c r="K117" s="44"/>
      <c r="L117" s="6"/>
      <c r="M117" s="17"/>
      <c r="N117" s="17"/>
      <c r="O117" s="17"/>
      <c r="P117" s="17"/>
      <c r="Q117" s="17"/>
      <c r="R117" s="44"/>
      <c r="S117" s="44"/>
      <c r="T117" s="44"/>
      <c r="U117" s="44"/>
      <c r="V117" s="44"/>
      <c r="W117" s="6"/>
      <c r="X117" s="6"/>
      <c r="Y117" s="39"/>
      <c r="Z117" s="39"/>
      <c r="AA117" s="39"/>
      <c r="AB117" s="39"/>
      <c r="AC117" s="39"/>
      <c r="AD117" s="39"/>
      <c r="AE117" s="39"/>
      <c r="AF117" s="39"/>
      <c r="AG117" s="39"/>
      <c r="AH117" s="6"/>
    </row>
    <row r="118" spans="1:34" ht="15.95" customHeight="1">
      <c r="A118" s="23" t="s">
        <v>255</v>
      </c>
      <c r="F118" s="42"/>
      <c r="G118" s="6"/>
      <c r="H118" s="6"/>
      <c r="I118" s="6"/>
      <c r="J118" s="42"/>
      <c r="K118" s="42"/>
      <c r="L118" s="6"/>
      <c r="W118" s="6"/>
      <c r="X118" s="6"/>
      <c r="Y118" s="42"/>
      <c r="Z118" s="42"/>
      <c r="AA118" s="6"/>
      <c r="AC118" s="6"/>
      <c r="AD118" s="6"/>
      <c r="AE118" s="6"/>
      <c r="AF118" s="6"/>
      <c r="AG118" s="25" t="s">
        <v>253</v>
      </c>
      <c r="AH118" s="6"/>
    </row>
    <row r="119" spans="1:34" ht="20.100000000000001" customHeight="1">
      <c r="A119" s="521" t="s">
        <v>14</v>
      </c>
      <c r="B119" s="290"/>
      <c r="C119" s="290"/>
      <c r="D119" s="290"/>
      <c r="E119" s="290"/>
      <c r="F119" s="393"/>
      <c r="G119" s="216" t="s">
        <v>117</v>
      </c>
      <c r="H119" s="217"/>
      <c r="I119" s="217"/>
      <c r="J119" s="217"/>
      <c r="K119" s="218"/>
      <c r="L119" s="289" t="s">
        <v>14</v>
      </c>
      <c r="M119" s="290"/>
      <c r="N119" s="290"/>
      <c r="O119" s="290"/>
      <c r="P119" s="290"/>
      <c r="Q119" s="393"/>
      <c r="R119" s="212" t="s">
        <v>117</v>
      </c>
      <c r="S119" s="213"/>
      <c r="T119" s="213"/>
      <c r="U119" s="213"/>
      <c r="V119" s="508"/>
      <c r="W119" s="248" t="s">
        <v>14</v>
      </c>
      <c r="X119" s="337"/>
      <c r="Y119" s="337"/>
      <c r="Z119" s="337"/>
      <c r="AA119" s="337"/>
      <c r="AB119" s="246"/>
      <c r="AC119" s="212" t="s">
        <v>117</v>
      </c>
      <c r="AD119" s="213"/>
      <c r="AE119" s="213"/>
      <c r="AF119" s="213"/>
      <c r="AG119" s="214"/>
      <c r="AH119" s="6"/>
    </row>
    <row r="120" spans="1:34" ht="20.100000000000001" customHeight="1">
      <c r="A120" s="219" t="s">
        <v>135</v>
      </c>
      <c r="B120" s="220"/>
      <c r="C120" s="220"/>
      <c r="D120" s="220"/>
      <c r="E120" s="220"/>
      <c r="F120" s="221"/>
      <c r="G120" s="155">
        <v>1.2</v>
      </c>
      <c r="H120" s="156"/>
      <c r="I120" s="156"/>
      <c r="J120" s="156"/>
      <c r="K120" s="507"/>
      <c r="L120" s="390" t="s">
        <v>136</v>
      </c>
      <c r="M120" s="391"/>
      <c r="N120" s="391"/>
      <c r="O120" s="391"/>
      <c r="P120" s="391"/>
      <c r="Q120" s="392"/>
      <c r="R120" s="155">
        <v>0.6</v>
      </c>
      <c r="S120" s="156"/>
      <c r="T120" s="156"/>
      <c r="U120" s="156"/>
      <c r="V120" s="507"/>
      <c r="W120" s="457" t="s">
        <v>137</v>
      </c>
      <c r="X120" s="458"/>
      <c r="Y120" s="458"/>
      <c r="Z120" s="458"/>
      <c r="AA120" s="458"/>
      <c r="AB120" s="459"/>
      <c r="AC120" s="155">
        <v>0.4</v>
      </c>
      <c r="AD120" s="156"/>
      <c r="AE120" s="156"/>
      <c r="AF120" s="156"/>
      <c r="AG120" s="157"/>
      <c r="AH120" s="6"/>
    </row>
    <row r="121" spans="1:34" ht="20.100000000000001" customHeight="1">
      <c r="A121" s="222" t="s">
        <v>138</v>
      </c>
      <c r="B121" s="223"/>
      <c r="C121" s="223"/>
      <c r="D121" s="223"/>
      <c r="E121" s="223"/>
      <c r="F121" s="224"/>
      <c r="G121" s="209">
        <v>0.3</v>
      </c>
      <c r="H121" s="210"/>
      <c r="I121" s="210"/>
      <c r="J121" s="210"/>
      <c r="K121" s="211"/>
      <c r="L121" s="206" t="s">
        <v>139</v>
      </c>
      <c r="M121" s="207"/>
      <c r="N121" s="207"/>
      <c r="O121" s="207"/>
      <c r="P121" s="207"/>
      <c r="Q121" s="208"/>
      <c r="R121" s="209">
        <v>0.5</v>
      </c>
      <c r="S121" s="210"/>
      <c r="T121" s="210"/>
      <c r="U121" s="210"/>
      <c r="V121" s="211"/>
      <c r="W121" s="206" t="s">
        <v>140</v>
      </c>
      <c r="X121" s="207"/>
      <c r="Y121" s="207"/>
      <c r="Z121" s="207"/>
      <c r="AA121" s="207"/>
      <c r="AB121" s="208"/>
      <c r="AC121" s="209">
        <v>1</v>
      </c>
      <c r="AD121" s="210"/>
      <c r="AE121" s="210"/>
      <c r="AF121" s="210"/>
      <c r="AG121" s="215"/>
      <c r="AH121" s="6"/>
    </row>
    <row r="122" spans="1:34" ht="20.100000000000001" customHeight="1">
      <c r="A122" s="222" t="s">
        <v>130</v>
      </c>
      <c r="B122" s="223"/>
      <c r="C122" s="223"/>
      <c r="D122" s="223"/>
      <c r="E122" s="223"/>
      <c r="F122" s="224"/>
      <c r="G122" s="209">
        <v>0.2</v>
      </c>
      <c r="H122" s="210"/>
      <c r="I122" s="210"/>
      <c r="J122" s="210"/>
      <c r="K122" s="211"/>
      <c r="L122" s="206" t="s">
        <v>141</v>
      </c>
      <c r="M122" s="207"/>
      <c r="N122" s="207"/>
      <c r="O122" s="207"/>
      <c r="P122" s="207"/>
      <c r="Q122" s="208"/>
      <c r="R122" s="209">
        <v>1.7</v>
      </c>
      <c r="S122" s="210"/>
      <c r="T122" s="210"/>
      <c r="U122" s="210"/>
      <c r="V122" s="211"/>
      <c r="W122" s="206" t="s">
        <v>142</v>
      </c>
      <c r="X122" s="207"/>
      <c r="Y122" s="207"/>
      <c r="Z122" s="207"/>
      <c r="AA122" s="207"/>
      <c r="AB122" s="208"/>
      <c r="AC122" s="209">
        <v>0.6</v>
      </c>
      <c r="AD122" s="210"/>
      <c r="AE122" s="210"/>
      <c r="AF122" s="210"/>
      <c r="AG122" s="215"/>
      <c r="AH122" s="6"/>
    </row>
    <row r="123" spans="1:34" ht="20.100000000000001" customHeight="1">
      <c r="A123" s="222" t="s">
        <v>143</v>
      </c>
      <c r="B123" s="223"/>
      <c r="C123" s="223"/>
      <c r="D123" s="223"/>
      <c r="E123" s="223"/>
      <c r="F123" s="224"/>
      <c r="G123" s="209">
        <v>0.9</v>
      </c>
      <c r="H123" s="210"/>
      <c r="I123" s="210"/>
      <c r="J123" s="210"/>
      <c r="K123" s="211"/>
      <c r="L123" s="206" t="s">
        <v>144</v>
      </c>
      <c r="M123" s="207"/>
      <c r="N123" s="207"/>
      <c r="O123" s="207"/>
      <c r="P123" s="207"/>
      <c r="Q123" s="208"/>
      <c r="R123" s="209">
        <v>0.6</v>
      </c>
      <c r="S123" s="210"/>
      <c r="T123" s="210"/>
      <c r="U123" s="210"/>
      <c r="V123" s="211"/>
      <c r="W123" s="530" t="s">
        <v>145</v>
      </c>
      <c r="X123" s="531"/>
      <c r="Y123" s="531"/>
      <c r="Z123" s="531"/>
      <c r="AA123" s="531"/>
      <c r="AB123" s="532"/>
      <c r="AC123" s="209">
        <v>0.7</v>
      </c>
      <c r="AD123" s="210"/>
      <c r="AE123" s="210"/>
      <c r="AF123" s="210"/>
      <c r="AG123" s="215"/>
      <c r="AH123" s="6"/>
    </row>
    <row r="124" spans="1:34" ht="20.100000000000001" customHeight="1">
      <c r="A124" s="408" t="s">
        <v>146</v>
      </c>
      <c r="B124" s="409"/>
      <c r="C124" s="409"/>
      <c r="D124" s="409"/>
      <c r="E124" s="409"/>
      <c r="F124" s="410"/>
      <c r="G124" s="119">
        <v>1</v>
      </c>
      <c r="H124" s="120"/>
      <c r="I124" s="120"/>
      <c r="J124" s="120"/>
      <c r="K124" s="121"/>
      <c r="L124" s="484" t="s">
        <v>147</v>
      </c>
      <c r="M124" s="485"/>
      <c r="N124" s="485"/>
      <c r="O124" s="485"/>
      <c r="P124" s="485"/>
      <c r="Q124" s="486"/>
      <c r="R124" s="119">
        <v>0.9</v>
      </c>
      <c r="S124" s="120"/>
      <c r="T124" s="120"/>
      <c r="U124" s="120"/>
      <c r="V124" s="121"/>
      <c r="W124" s="484" t="s">
        <v>148</v>
      </c>
      <c r="X124" s="485"/>
      <c r="Y124" s="485"/>
      <c r="Z124" s="485"/>
      <c r="AA124" s="485"/>
      <c r="AB124" s="486"/>
      <c r="AC124" s="119">
        <v>0.8</v>
      </c>
      <c r="AD124" s="120"/>
      <c r="AE124" s="120"/>
      <c r="AF124" s="120"/>
      <c r="AG124" s="456"/>
      <c r="AH124" s="6"/>
    </row>
    <row r="125" spans="1:34" ht="12.95" customHeight="1">
      <c r="A125" s="11"/>
      <c r="B125" s="11"/>
      <c r="C125" s="11"/>
      <c r="D125" s="11"/>
      <c r="E125" s="42"/>
      <c r="F125" s="42"/>
      <c r="G125" s="6"/>
      <c r="H125" s="6"/>
      <c r="I125" s="6"/>
      <c r="J125" s="42"/>
      <c r="K125" s="42"/>
      <c r="L125" s="6"/>
      <c r="M125" s="6"/>
      <c r="N125" s="6"/>
      <c r="O125" s="42"/>
      <c r="P125" s="42"/>
      <c r="Q125" s="6"/>
      <c r="R125" s="6"/>
      <c r="S125" s="6"/>
      <c r="T125" s="42"/>
      <c r="U125" s="42"/>
      <c r="V125" s="6"/>
      <c r="W125" s="6"/>
      <c r="X125" s="6"/>
      <c r="Y125" s="39"/>
      <c r="Z125" s="39"/>
      <c r="AA125" s="39"/>
      <c r="AB125" s="39"/>
      <c r="AC125" s="39"/>
      <c r="AD125" s="39"/>
      <c r="AE125" s="39"/>
      <c r="AF125" s="39"/>
      <c r="AG125" s="9" t="s">
        <v>32</v>
      </c>
      <c r="AH125" s="6"/>
    </row>
    <row r="126" spans="1:34" ht="15.95" customHeight="1">
      <c r="A126" s="11"/>
      <c r="B126" s="11"/>
      <c r="C126" s="11"/>
      <c r="D126" s="11"/>
      <c r="E126" s="42"/>
      <c r="F126" s="42"/>
      <c r="G126" s="6"/>
      <c r="H126" s="6"/>
      <c r="I126" s="6"/>
      <c r="J126" s="42"/>
      <c r="K126" s="42"/>
      <c r="L126" s="6"/>
      <c r="M126" s="6"/>
      <c r="N126" s="6"/>
      <c r="O126" s="42"/>
      <c r="P126" s="42"/>
      <c r="Q126" s="6"/>
      <c r="R126" s="6"/>
      <c r="S126" s="6"/>
      <c r="T126" s="42"/>
      <c r="U126" s="42"/>
      <c r="V126" s="6"/>
      <c r="W126" s="6"/>
      <c r="X126" s="6"/>
      <c r="Y126" s="39"/>
      <c r="Z126" s="39"/>
      <c r="AA126" s="39"/>
      <c r="AB126" s="39"/>
      <c r="AC126" s="39"/>
      <c r="AD126" s="39"/>
      <c r="AE126" s="39"/>
      <c r="AF126" s="39"/>
      <c r="AG126" s="39"/>
      <c r="AH126" s="6"/>
    </row>
    <row r="127" spans="1:34" s="56" customFormat="1" ht="20.100000000000001" customHeight="1">
      <c r="A127" s="238" t="s">
        <v>46</v>
      </c>
      <c r="B127" s="238"/>
      <c r="C127" s="238"/>
      <c r="D127" s="238"/>
      <c r="E127" s="238"/>
      <c r="F127" s="238"/>
      <c r="G127" s="238"/>
      <c r="H127" s="238"/>
      <c r="I127" s="238"/>
      <c r="J127" s="238"/>
      <c r="K127" s="238"/>
      <c r="L127" s="238"/>
      <c r="M127" s="238"/>
      <c r="N127" s="238"/>
      <c r="O127" s="238"/>
      <c r="P127" s="238"/>
      <c r="Q127" s="238"/>
      <c r="R127" s="238"/>
      <c r="S127" s="238"/>
      <c r="T127" s="238"/>
      <c r="U127" s="238"/>
      <c r="V127" s="238"/>
      <c r="W127" s="238"/>
      <c r="X127" s="238"/>
      <c r="Y127" s="238"/>
      <c r="Z127" s="238"/>
      <c r="AA127" s="238"/>
      <c r="AB127" s="238"/>
      <c r="AC127" s="238"/>
      <c r="AD127" s="238"/>
      <c r="AE127" s="238"/>
      <c r="AF127" s="238"/>
      <c r="AG127" s="238"/>
      <c r="AH127" s="57"/>
    </row>
    <row r="128" spans="1:34" s="56" customFormat="1" ht="15.95" customHeight="1">
      <c r="A128" s="54"/>
      <c r="B128" s="54"/>
      <c r="C128" s="54"/>
      <c r="D128" s="54"/>
      <c r="E128" s="54"/>
      <c r="F128" s="54"/>
      <c r="G128" s="54"/>
      <c r="H128" s="54"/>
      <c r="I128" s="54"/>
      <c r="J128" s="54"/>
      <c r="K128" s="54"/>
      <c r="L128" s="54"/>
      <c r="M128" s="54"/>
      <c r="N128" s="54"/>
      <c r="O128" s="54"/>
      <c r="P128" s="54"/>
      <c r="Q128" s="54"/>
      <c r="R128" s="54"/>
      <c r="S128" s="54"/>
      <c r="T128" s="54"/>
      <c r="U128" s="54"/>
      <c r="V128" s="54"/>
      <c r="W128" s="54"/>
      <c r="X128" s="54"/>
      <c r="Y128" s="54"/>
      <c r="Z128" s="54"/>
      <c r="AA128" s="54"/>
      <c r="AB128" s="54"/>
      <c r="AC128" s="54"/>
      <c r="AD128" s="54"/>
      <c r="AE128" s="54"/>
      <c r="AF128" s="54"/>
      <c r="AG128" s="54"/>
      <c r="AH128" s="57"/>
    </row>
    <row r="129" spans="1:34" s="5" customFormat="1" ht="20.100000000000001" customHeight="1">
      <c r="A129" s="47" t="s">
        <v>47</v>
      </c>
      <c r="B129" s="48"/>
      <c r="C129" s="48"/>
      <c r="D129" s="48"/>
      <c r="E129" s="49"/>
      <c r="F129" s="49"/>
      <c r="G129" s="4"/>
      <c r="H129" s="4"/>
      <c r="I129" s="4"/>
      <c r="J129" s="49"/>
      <c r="K129" s="49"/>
      <c r="L129" s="4"/>
      <c r="M129" s="4"/>
      <c r="N129" s="4"/>
      <c r="O129" s="49"/>
      <c r="AH129" s="4"/>
    </row>
    <row r="130" spans="1:34" s="1" customFormat="1" ht="15.95" customHeight="1">
      <c r="A130" s="41"/>
      <c r="B130" s="2" t="s">
        <v>347</v>
      </c>
      <c r="C130" s="11"/>
      <c r="D130" s="11"/>
      <c r="E130" s="42"/>
      <c r="F130" s="42"/>
      <c r="G130" s="6"/>
      <c r="H130" s="6"/>
      <c r="I130" s="6"/>
      <c r="J130" s="42"/>
      <c r="K130" s="42"/>
      <c r="L130" s="6"/>
      <c r="M130" s="6"/>
      <c r="N130" s="6"/>
      <c r="O130" s="4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</row>
    <row r="131" spans="1:34" ht="15.95" customHeight="1">
      <c r="A131" s="71" t="s">
        <v>283</v>
      </c>
      <c r="B131" s="70"/>
      <c r="C131" s="69"/>
      <c r="D131" s="11"/>
      <c r="E131" s="42"/>
      <c r="F131" s="42"/>
      <c r="G131" s="6"/>
      <c r="H131" s="6"/>
      <c r="I131" s="6"/>
      <c r="J131" s="42"/>
      <c r="K131" s="42"/>
      <c r="L131" s="6"/>
      <c r="M131" s="6"/>
      <c r="N131" s="6"/>
      <c r="O131" s="42"/>
      <c r="P131" s="42"/>
      <c r="Q131" s="6"/>
      <c r="R131" s="6"/>
      <c r="S131" s="6"/>
      <c r="T131" s="42"/>
      <c r="U131" s="42"/>
      <c r="V131" s="42"/>
      <c r="W131" s="42"/>
      <c r="Y131" s="18"/>
      <c r="Z131" s="18"/>
      <c r="AB131" s="18"/>
      <c r="AC131" s="18"/>
      <c r="AD131" s="10" t="s">
        <v>48</v>
      </c>
      <c r="AE131" s="6"/>
    </row>
    <row r="132" spans="1:34" s="45" customFormat="1" ht="26.25" customHeight="1">
      <c r="A132" s="464" t="s">
        <v>218</v>
      </c>
      <c r="B132" s="465"/>
      <c r="C132" s="465"/>
      <c r="D132" s="122" t="s">
        <v>219</v>
      </c>
      <c r="E132" s="122"/>
      <c r="F132" s="122"/>
      <c r="G132" s="122" t="s">
        <v>314</v>
      </c>
      <c r="H132" s="122"/>
      <c r="I132" s="122"/>
      <c r="J132" s="122" t="s">
        <v>220</v>
      </c>
      <c r="K132" s="122"/>
      <c r="L132" s="122"/>
      <c r="M132" s="122" t="s">
        <v>221</v>
      </c>
      <c r="N132" s="122"/>
      <c r="O132" s="122"/>
      <c r="P132" s="122" t="s">
        <v>222</v>
      </c>
      <c r="Q132" s="122"/>
      <c r="R132" s="122"/>
      <c r="S132" s="122" t="s">
        <v>223</v>
      </c>
      <c r="T132" s="122"/>
      <c r="U132" s="122"/>
      <c r="V132" s="123" t="s">
        <v>315</v>
      </c>
      <c r="W132" s="122"/>
      <c r="X132" s="122"/>
      <c r="Y132" s="123" t="s">
        <v>316</v>
      </c>
      <c r="Z132" s="122"/>
      <c r="AA132" s="122"/>
      <c r="AB132" s="122" t="s">
        <v>317</v>
      </c>
      <c r="AC132" s="122"/>
      <c r="AD132" s="149"/>
    </row>
    <row r="133" spans="1:34" s="45" customFormat="1" ht="20.100000000000001" customHeight="1">
      <c r="A133" s="180">
        <v>234</v>
      </c>
      <c r="B133" s="181"/>
      <c r="C133" s="182"/>
      <c r="D133" s="116">
        <v>24</v>
      </c>
      <c r="E133" s="117"/>
      <c r="F133" s="118"/>
      <c r="G133" s="116">
        <v>36</v>
      </c>
      <c r="H133" s="117"/>
      <c r="I133" s="118"/>
      <c r="J133" s="116">
        <v>66</v>
      </c>
      <c r="K133" s="117"/>
      <c r="L133" s="118"/>
      <c r="M133" s="116">
        <v>21</v>
      </c>
      <c r="N133" s="117"/>
      <c r="O133" s="118"/>
      <c r="P133" s="116">
        <v>18</v>
      </c>
      <c r="Q133" s="117"/>
      <c r="R133" s="118"/>
      <c r="S133" s="116">
        <v>18</v>
      </c>
      <c r="T133" s="117"/>
      <c r="U133" s="118"/>
      <c r="V133" s="116">
        <v>3</v>
      </c>
      <c r="W133" s="117"/>
      <c r="X133" s="118"/>
      <c r="Y133" s="116">
        <v>18</v>
      </c>
      <c r="Z133" s="117"/>
      <c r="AA133" s="118"/>
      <c r="AB133" s="116">
        <v>30</v>
      </c>
      <c r="AC133" s="117"/>
      <c r="AD133" s="150"/>
    </row>
    <row r="134" spans="1:34" s="45" customFormat="1" ht="12.95" customHeight="1">
      <c r="A134" s="50"/>
      <c r="B134" s="3"/>
      <c r="C134" s="3"/>
      <c r="D134" s="3"/>
      <c r="E134" s="3"/>
      <c r="F134" s="3"/>
      <c r="G134" s="3"/>
      <c r="H134" s="3"/>
      <c r="I134" s="3"/>
      <c r="J134" s="3"/>
      <c r="K134" s="3"/>
      <c r="L134" s="3"/>
      <c r="M134" s="3"/>
      <c r="N134" s="3"/>
      <c r="O134" s="3"/>
      <c r="P134" s="3"/>
      <c r="Q134" s="3"/>
      <c r="R134" s="3"/>
      <c r="S134" s="3"/>
      <c r="T134" s="3"/>
      <c r="U134" s="3"/>
      <c r="V134" s="9"/>
      <c r="W134" s="9"/>
      <c r="X134" s="9"/>
      <c r="Y134" s="9"/>
      <c r="Z134" s="9"/>
      <c r="AB134" s="9"/>
      <c r="AC134" s="9"/>
      <c r="AD134" s="26" t="s">
        <v>257</v>
      </c>
    </row>
    <row r="135" spans="1:34" s="8" customFormat="1" ht="14.25" customHeight="1">
      <c r="B135" s="46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</row>
    <row r="136" spans="1:34" ht="15.95" customHeight="1">
      <c r="A136" s="81" t="s">
        <v>50</v>
      </c>
      <c r="C136" s="11"/>
      <c r="D136" s="11"/>
      <c r="E136" s="42"/>
      <c r="F136" s="42"/>
      <c r="G136" s="6"/>
      <c r="H136" s="6"/>
      <c r="I136" s="6"/>
      <c r="J136" s="42"/>
      <c r="K136" s="42"/>
      <c r="L136" s="6"/>
      <c r="M136" s="6"/>
      <c r="N136" s="6"/>
      <c r="O136" s="42"/>
      <c r="P136" s="42"/>
      <c r="Q136" s="6"/>
      <c r="R136" s="6"/>
      <c r="S136" s="6"/>
      <c r="T136" s="42"/>
      <c r="U136" s="42"/>
      <c r="V136" s="6"/>
      <c r="W136" s="6"/>
      <c r="X136" s="6"/>
      <c r="Y136" s="42"/>
      <c r="Z136" s="42"/>
      <c r="AA136" s="6"/>
      <c r="AB136" s="18"/>
      <c r="AC136" s="18"/>
      <c r="AE136" s="18"/>
      <c r="AF136" s="18"/>
      <c r="AG136" s="10" t="s">
        <v>48</v>
      </c>
      <c r="AH136" s="6"/>
    </row>
    <row r="137" spans="1:34" s="8" customFormat="1" ht="20.100000000000001" customHeight="1">
      <c r="A137" s="464" t="s">
        <v>49</v>
      </c>
      <c r="B137" s="465"/>
      <c r="C137" s="465"/>
      <c r="D137" s="465"/>
      <c r="E137" s="465"/>
      <c r="F137" s="465"/>
      <c r="G137" s="465"/>
      <c r="H137" s="465"/>
      <c r="I137" s="465"/>
      <c r="J137" s="243" t="s">
        <v>301</v>
      </c>
      <c r="K137" s="376"/>
      <c r="L137" s="376"/>
      <c r="M137" s="376"/>
      <c r="N137" s="376"/>
      <c r="O137" s="376"/>
      <c r="P137" s="376"/>
      <c r="Q137" s="376"/>
      <c r="R137" s="243" t="s">
        <v>51</v>
      </c>
      <c r="S137" s="376"/>
      <c r="T137" s="376"/>
      <c r="U137" s="376"/>
      <c r="V137" s="376"/>
      <c r="W137" s="376"/>
      <c r="X137" s="376"/>
      <c r="Y137" s="376"/>
      <c r="Z137" s="243" t="s">
        <v>52</v>
      </c>
      <c r="AA137" s="243"/>
      <c r="AB137" s="243"/>
      <c r="AC137" s="243"/>
      <c r="AD137" s="376"/>
      <c r="AE137" s="376"/>
      <c r="AF137" s="376"/>
      <c r="AG137" s="503"/>
    </row>
    <row r="138" spans="1:34" s="8" customFormat="1" ht="20.100000000000001" customHeight="1">
      <c r="A138" s="377">
        <v>1181</v>
      </c>
      <c r="B138" s="378"/>
      <c r="C138" s="378"/>
      <c r="D138" s="378"/>
      <c r="E138" s="378"/>
      <c r="F138" s="378"/>
      <c r="G138" s="378"/>
      <c r="H138" s="378"/>
      <c r="I138" s="379"/>
      <c r="J138" s="471">
        <v>30</v>
      </c>
      <c r="K138" s="471"/>
      <c r="L138" s="471"/>
      <c r="M138" s="471"/>
      <c r="N138" s="471"/>
      <c r="O138" s="471"/>
      <c r="P138" s="471"/>
      <c r="Q138" s="471"/>
      <c r="R138" s="471">
        <v>1130</v>
      </c>
      <c r="S138" s="471"/>
      <c r="T138" s="471"/>
      <c r="U138" s="471"/>
      <c r="V138" s="471"/>
      <c r="W138" s="471"/>
      <c r="X138" s="471"/>
      <c r="Y138" s="471"/>
      <c r="Z138" s="471">
        <v>21</v>
      </c>
      <c r="AA138" s="471"/>
      <c r="AB138" s="471"/>
      <c r="AC138" s="471"/>
      <c r="AD138" s="471"/>
      <c r="AE138" s="471"/>
      <c r="AF138" s="471"/>
      <c r="AG138" s="472"/>
    </row>
    <row r="139" spans="1:34" s="8" customFormat="1" ht="12.95" customHeight="1">
      <c r="F139" s="61"/>
      <c r="G139" s="61"/>
      <c r="H139" s="61"/>
      <c r="I139" s="61"/>
      <c r="J139" s="61"/>
      <c r="K139" s="61"/>
      <c r="L139" s="61"/>
      <c r="M139" s="61"/>
      <c r="N139" s="61"/>
      <c r="O139" s="61"/>
      <c r="P139" s="61"/>
      <c r="Q139" s="61"/>
      <c r="R139" s="61"/>
      <c r="S139" s="61"/>
      <c r="T139" s="61"/>
      <c r="U139" s="61"/>
      <c r="V139" s="61"/>
      <c r="W139" s="61"/>
      <c r="X139" s="61"/>
      <c r="Z139" s="9"/>
      <c r="AA139" s="9"/>
      <c r="AB139" s="9"/>
      <c r="AC139" s="9"/>
      <c r="AD139" s="9"/>
      <c r="AE139" s="9"/>
      <c r="AF139" s="9"/>
      <c r="AG139" s="9" t="s">
        <v>305</v>
      </c>
    </row>
    <row r="140" spans="1:34" ht="15.95" customHeight="1">
      <c r="AA140" s="18"/>
      <c r="AB140" s="18"/>
      <c r="AC140" s="18"/>
      <c r="AD140" s="18"/>
      <c r="AE140" s="18"/>
      <c r="AF140" s="18"/>
      <c r="AG140" s="18"/>
    </row>
    <row r="141" spans="1:34" ht="20.100000000000001" customHeight="1">
      <c r="A141" s="47" t="s">
        <v>53</v>
      </c>
      <c r="B141" s="48"/>
      <c r="F141" s="61"/>
      <c r="G141" s="61"/>
      <c r="H141" s="61"/>
      <c r="I141" s="61"/>
      <c r="J141" s="61"/>
      <c r="K141" s="61"/>
      <c r="L141" s="61"/>
      <c r="M141" s="61"/>
      <c r="N141" s="61"/>
      <c r="O141" s="61"/>
      <c r="P141" s="61"/>
      <c r="Q141" s="61"/>
      <c r="R141" s="61"/>
      <c r="S141" s="61"/>
      <c r="T141" s="61"/>
      <c r="U141" s="61"/>
      <c r="V141" s="61"/>
      <c r="W141" s="61"/>
      <c r="X141" s="61"/>
      <c r="Y141" s="61"/>
      <c r="Z141" s="61"/>
      <c r="AA141" s="61"/>
      <c r="AB141" s="61"/>
      <c r="AC141" s="61"/>
      <c r="AD141" s="61"/>
      <c r="AE141" s="61"/>
      <c r="AF141" s="61"/>
      <c r="AG141" s="61"/>
    </row>
    <row r="142" spans="1:34" ht="15.95" customHeight="1">
      <c r="A142" s="47"/>
      <c r="B142" s="2" t="s">
        <v>54</v>
      </c>
      <c r="C142" s="11"/>
      <c r="F142" s="61"/>
      <c r="G142" s="61"/>
      <c r="H142" s="61"/>
      <c r="I142" s="61"/>
      <c r="J142" s="61"/>
      <c r="K142" s="86"/>
      <c r="L142" s="86"/>
      <c r="M142" s="86"/>
      <c r="N142" s="86"/>
      <c r="O142" s="86"/>
      <c r="P142" s="86"/>
      <c r="Q142" s="86"/>
      <c r="R142" s="86"/>
      <c r="S142" s="86"/>
      <c r="T142" s="86"/>
      <c r="U142" s="86"/>
      <c r="V142" s="86"/>
      <c r="W142" s="86"/>
      <c r="X142" s="86"/>
      <c r="Y142" s="86"/>
      <c r="Z142" s="61"/>
      <c r="AA142" s="61"/>
      <c r="AB142" s="61"/>
      <c r="AC142" s="10" t="s">
        <v>256</v>
      </c>
      <c r="AD142" s="61"/>
      <c r="AE142" s="61"/>
      <c r="AF142" s="61"/>
    </row>
    <row r="143" spans="1:34" ht="15.75" customHeight="1">
      <c r="A143" s="358" t="s">
        <v>19</v>
      </c>
      <c r="B143" s="359"/>
      <c r="C143" s="359"/>
      <c r="D143" s="359"/>
      <c r="E143" s="360"/>
      <c r="F143" s="592" t="s">
        <v>55</v>
      </c>
      <c r="G143" s="593"/>
      <c r="H143" s="593"/>
      <c r="I143" s="593"/>
      <c r="J143" s="594"/>
      <c r="K143" s="289" t="s">
        <v>277</v>
      </c>
      <c r="L143" s="290"/>
      <c r="M143" s="290"/>
      <c r="N143" s="290"/>
      <c r="O143" s="290"/>
      <c r="P143" s="290"/>
      <c r="Q143" s="290"/>
      <c r="R143" s="290"/>
      <c r="S143" s="290"/>
      <c r="T143" s="393"/>
      <c r="U143" s="289" t="s">
        <v>278</v>
      </c>
      <c r="V143" s="290"/>
      <c r="W143" s="290"/>
      <c r="X143" s="290"/>
      <c r="Y143" s="290"/>
      <c r="Z143" s="290"/>
      <c r="AA143" s="290"/>
      <c r="AB143" s="290"/>
      <c r="AC143" s="290"/>
      <c r="AD143" s="14"/>
    </row>
    <row r="144" spans="1:34" ht="15.95" customHeight="1">
      <c r="A144" s="83"/>
      <c r="B144" s="3"/>
      <c r="C144" s="3"/>
      <c r="D144" s="3"/>
      <c r="E144" s="84"/>
      <c r="F144" s="595"/>
      <c r="G144" s="596"/>
      <c r="H144" s="596"/>
      <c r="I144" s="596"/>
      <c r="J144" s="597"/>
      <c r="K144" s="398" t="s">
        <v>56</v>
      </c>
      <c r="L144" s="399"/>
      <c r="M144" s="399"/>
      <c r="N144" s="399"/>
      <c r="O144" s="400"/>
      <c r="P144" s="108" t="s">
        <v>198</v>
      </c>
      <c r="Q144" s="108"/>
      <c r="R144" s="108"/>
      <c r="S144" s="108"/>
      <c r="T144" s="109"/>
      <c r="U144" s="591" t="s">
        <v>81</v>
      </c>
      <c r="V144" s="108"/>
      <c r="W144" s="108"/>
      <c r="X144" s="109"/>
      <c r="Y144" s="189" t="s">
        <v>57</v>
      </c>
      <c r="Z144" s="189"/>
      <c r="AA144" s="189"/>
      <c r="AB144" s="189"/>
      <c r="AC144" s="190"/>
      <c r="AD144" s="14"/>
    </row>
    <row r="145" spans="1:34" ht="15.95" customHeight="1">
      <c r="A145" s="522" t="s">
        <v>204</v>
      </c>
      <c r="B145" s="523"/>
      <c r="C145" s="523"/>
      <c r="D145" s="523"/>
      <c r="E145" s="524"/>
      <c r="F145" s="598"/>
      <c r="G145" s="599"/>
      <c r="H145" s="599"/>
      <c r="I145" s="599"/>
      <c r="J145" s="600"/>
      <c r="K145" s="401"/>
      <c r="L145" s="402"/>
      <c r="M145" s="402"/>
      <c r="N145" s="402"/>
      <c r="O145" s="403"/>
      <c r="P145" s="110"/>
      <c r="Q145" s="110"/>
      <c r="R145" s="110"/>
      <c r="S145" s="110"/>
      <c r="T145" s="111"/>
      <c r="U145" s="130"/>
      <c r="V145" s="110"/>
      <c r="W145" s="110"/>
      <c r="X145" s="111"/>
      <c r="Y145" s="191"/>
      <c r="Z145" s="191"/>
      <c r="AA145" s="191"/>
      <c r="AB145" s="191"/>
      <c r="AC145" s="192"/>
    </row>
    <row r="146" spans="1:34" ht="20.100000000000001" customHeight="1">
      <c r="A146" s="178" t="s">
        <v>58</v>
      </c>
      <c r="B146" s="179"/>
      <c r="C146" s="380">
        <v>25</v>
      </c>
      <c r="D146" s="380"/>
      <c r="E146" s="381"/>
      <c r="F146" s="489">
        <v>29200</v>
      </c>
      <c r="G146" s="490"/>
      <c r="H146" s="490"/>
      <c r="I146" s="490"/>
      <c r="J146" s="490"/>
      <c r="K146" s="460">
        <v>29000</v>
      </c>
      <c r="L146" s="460"/>
      <c r="M146" s="460"/>
      <c r="N146" s="460"/>
      <c r="O146" s="460"/>
      <c r="P146" s="460">
        <v>200</v>
      </c>
      <c r="Q146" s="460"/>
      <c r="R146" s="460"/>
      <c r="S146" s="460"/>
      <c r="T146" s="460"/>
      <c r="U146" s="460">
        <v>14490</v>
      </c>
      <c r="V146" s="460"/>
      <c r="W146" s="460"/>
      <c r="X146" s="460"/>
      <c r="Y146" s="460">
        <v>14710</v>
      </c>
      <c r="Z146" s="460"/>
      <c r="AA146" s="460"/>
      <c r="AB146" s="460"/>
      <c r="AC146" s="529"/>
    </row>
    <row r="147" spans="1:34" ht="20.100000000000001" customHeight="1">
      <c r="A147" s="178"/>
      <c r="B147" s="179"/>
      <c r="C147" s="380">
        <v>30</v>
      </c>
      <c r="D147" s="380"/>
      <c r="E147" s="381"/>
      <c r="F147" s="382">
        <v>30690</v>
      </c>
      <c r="G147" s="383"/>
      <c r="H147" s="383"/>
      <c r="I147" s="383"/>
      <c r="J147" s="383"/>
      <c r="K147" s="185">
        <v>30390</v>
      </c>
      <c r="L147" s="185"/>
      <c r="M147" s="185"/>
      <c r="N147" s="185"/>
      <c r="O147" s="185"/>
      <c r="P147" s="185">
        <v>300</v>
      </c>
      <c r="Q147" s="185"/>
      <c r="R147" s="185"/>
      <c r="S147" s="185"/>
      <c r="T147" s="185"/>
      <c r="U147" s="469">
        <v>14790</v>
      </c>
      <c r="V147" s="469"/>
      <c r="W147" s="469"/>
      <c r="X147" s="469"/>
      <c r="Y147" s="185">
        <v>15890</v>
      </c>
      <c r="Z147" s="185"/>
      <c r="AA147" s="185"/>
      <c r="AB147" s="185"/>
      <c r="AC147" s="186"/>
    </row>
    <row r="148" spans="1:34" ht="20.100000000000001" customHeight="1">
      <c r="A148" s="124" t="s">
        <v>335</v>
      </c>
      <c r="B148" s="125"/>
      <c r="C148" s="183">
        <v>5</v>
      </c>
      <c r="D148" s="183"/>
      <c r="E148" s="184"/>
      <c r="F148" s="374">
        <v>32140</v>
      </c>
      <c r="G148" s="375"/>
      <c r="H148" s="375"/>
      <c r="I148" s="375"/>
      <c r="J148" s="375"/>
      <c r="K148" s="187">
        <v>31940</v>
      </c>
      <c r="L148" s="187"/>
      <c r="M148" s="187"/>
      <c r="N148" s="187"/>
      <c r="O148" s="187"/>
      <c r="P148" s="187">
        <v>200</v>
      </c>
      <c r="Q148" s="187"/>
      <c r="R148" s="187"/>
      <c r="S148" s="187"/>
      <c r="T148" s="187"/>
      <c r="U148" s="470">
        <v>15860</v>
      </c>
      <c r="V148" s="470"/>
      <c r="W148" s="470"/>
      <c r="X148" s="470"/>
      <c r="Y148" s="187">
        <v>16280</v>
      </c>
      <c r="Z148" s="187"/>
      <c r="AA148" s="187"/>
      <c r="AB148" s="187"/>
      <c r="AC148" s="188"/>
      <c r="AD148" s="85"/>
    </row>
    <row r="149" spans="1:34" s="3" customFormat="1" ht="13.5" customHeight="1">
      <c r="A149" s="53" t="s">
        <v>340</v>
      </c>
      <c r="B149" s="51"/>
      <c r="C149" s="51"/>
      <c r="D149" s="51"/>
      <c r="E149" s="28"/>
      <c r="F149" s="28"/>
      <c r="G149" s="28"/>
      <c r="H149" s="28"/>
      <c r="I149" s="28"/>
      <c r="J149" s="28"/>
      <c r="K149" s="28"/>
      <c r="L149" s="28"/>
      <c r="M149" s="28"/>
      <c r="N149" s="28"/>
      <c r="O149" s="28"/>
      <c r="P149" s="28"/>
      <c r="Q149" s="52"/>
      <c r="R149" s="52"/>
      <c r="S149" s="52"/>
      <c r="T149" s="28"/>
      <c r="U149" s="28"/>
      <c r="V149" s="28"/>
      <c r="W149" s="28"/>
      <c r="X149" s="87"/>
      <c r="Y149" s="87"/>
      <c r="Z149" s="87"/>
      <c r="AA149" s="87"/>
      <c r="AB149" s="28"/>
      <c r="AC149" s="28"/>
      <c r="AD149" s="28"/>
      <c r="AE149" s="28"/>
      <c r="AF149" s="28"/>
      <c r="AG149" s="28"/>
    </row>
    <row r="150" spans="1:34" s="3" customFormat="1" ht="13.5" customHeight="1">
      <c r="A150" s="53" t="s">
        <v>59</v>
      </c>
      <c r="B150" s="51"/>
      <c r="C150" s="51"/>
      <c r="D150" s="51"/>
      <c r="E150" s="28"/>
      <c r="F150" s="28"/>
      <c r="G150" s="28"/>
      <c r="H150" s="28"/>
      <c r="I150" s="28"/>
      <c r="J150" s="28"/>
      <c r="K150" s="28"/>
      <c r="L150" s="28"/>
      <c r="M150" s="28"/>
      <c r="N150" s="28"/>
      <c r="O150" s="28"/>
      <c r="P150" s="28"/>
      <c r="Q150" s="52"/>
      <c r="R150" s="52"/>
      <c r="S150" s="52"/>
      <c r="T150" s="28"/>
      <c r="U150" s="28"/>
      <c r="V150" s="28"/>
      <c r="W150" s="28"/>
      <c r="X150" s="87"/>
      <c r="Y150" s="87"/>
      <c r="Z150" s="87"/>
      <c r="AA150" s="87"/>
      <c r="AB150" s="28"/>
      <c r="AC150" s="28"/>
      <c r="AD150" s="28"/>
      <c r="AE150" s="28"/>
      <c r="AF150" s="28"/>
      <c r="AG150" s="28"/>
    </row>
    <row r="151" spans="1:34" s="3" customFormat="1" ht="13.5" customHeight="1">
      <c r="A151" s="28"/>
      <c r="B151" s="28"/>
      <c r="C151" s="28"/>
      <c r="D151" s="28"/>
      <c r="E151" s="28"/>
      <c r="F151" s="28"/>
      <c r="G151" s="28"/>
      <c r="H151" s="28"/>
      <c r="I151" s="28"/>
      <c r="N151" s="28"/>
      <c r="O151" s="28"/>
      <c r="P151" s="28"/>
      <c r="Q151" s="52"/>
      <c r="R151" s="52"/>
      <c r="S151" s="52"/>
      <c r="T151" s="28"/>
      <c r="V151" s="9"/>
      <c r="W151" s="9"/>
      <c r="X151" s="9"/>
      <c r="Y151" s="9"/>
      <c r="Z151" s="9"/>
      <c r="AA151" s="9"/>
      <c r="AB151" s="9"/>
      <c r="AC151" s="9" t="s">
        <v>208</v>
      </c>
      <c r="AD151" s="9"/>
      <c r="AE151" s="9"/>
      <c r="AF151" s="9"/>
    </row>
    <row r="152" spans="1:34" s="3" customFormat="1" ht="15.95" customHeight="1">
      <c r="A152" s="28"/>
      <c r="B152" s="28"/>
      <c r="C152" s="28"/>
      <c r="D152" s="28"/>
      <c r="E152" s="28"/>
      <c r="F152" s="28"/>
      <c r="G152" s="28"/>
      <c r="H152" s="28"/>
      <c r="I152" s="28"/>
      <c r="N152" s="28"/>
      <c r="O152" s="28"/>
      <c r="P152" s="28"/>
      <c r="Q152" s="52"/>
      <c r="R152" s="52"/>
      <c r="S152" s="52"/>
      <c r="T152" s="28"/>
      <c r="U152" s="9"/>
      <c r="V152" s="9"/>
      <c r="W152" s="9"/>
      <c r="X152" s="9"/>
      <c r="Y152" s="9"/>
      <c r="Z152" s="9"/>
      <c r="AA152" s="9"/>
      <c r="AB152" s="9"/>
      <c r="AC152" s="9"/>
      <c r="AD152" s="9"/>
      <c r="AE152" s="9"/>
      <c r="AF152" s="9"/>
      <c r="AG152" s="9"/>
    </row>
    <row r="153" spans="1:34" ht="20.100000000000001" customHeight="1">
      <c r="A153" s="47" t="s">
        <v>60</v>
      </c>
      <c r="B153" s="48"/>
      <c r="C153" s="48"/>
      <c r="F153" s="61"/>
      <c r="G153" s="61"/>
      <c r="H153" s="61"/>
      <c r="I153" s="61"/>
      <c r="J153" s="61"/>
      <c r="K153" s="61"/>
      <c r="L153" s="61"/>
      <c r="M153" s="61"/>
      <c r="N153" s="61"/>
      <c r="O153" s="61"/>
      <c r="P153" s="61"/>
      <c r="Q153" s="61"/>
      <c r="R153" s="61"/>
      <c r="S153" s="61"/>
      <c r="T153" s="61"/>
      <c r="U153" s="61"/>
      <c r="V153" s="61"/>
      <c r="W153" s="61"/>
      <c r="X153" s="61"/>
      <c r="Y153" s="61"/>
      <c r="Z153" s="61"/>
      <c r="AA153" s="61"/>
      <c r="AB153" s="61"/>
      <c r="AD153" s="61"/>
      <c r="AE153" s="61"/>
      <c r="AF153" s="61"/>
      <c r="AG153" s="61"/>
    </row>
    <row r="154" spans="1:34" ht="15.95" customHeight="1">
      <c r="A154" s="41"/>
      <c r="B154" s="2" t="s">
        <v>336</v>
      </c>
      <c r="C154" s="11"/>
      <c r="F154" s="61"/>
      <c r="G154" s="61"/>
      <c r="H154" s="61"/>
      <c r="I154" s="61"/>
      <c r="J154" s="61"/>
      <c r="K154" s="61"/>
      <c r="L154" s="61"/>
      <c r="M154" s="61"/>
      <c r="N154" s="61"/>
      <c r="O154" s="61"/>
      <c r="P154" s="61"/>
      <c r="Q154" s="61"/>
      <c r="R154" s="61"/>
      <c r="S154" s="61"/>
      <c r="T154" s="61"/>
      <c r="U154" s="61"/>
      <c r="V154" s="61"/>
      <c r="W154" s="61"/>
      <c r="X154" s="61"/>
      <c r="Y154" s="61"/>
      <c r="Z154" s="61"/>
      <c r="AA154" s="61"/>
      <c r="AB154" s="61"/>
      <c r="AC154" s="61"/>
      <c r="AD154" s="61"/>
      <c r="AE154" s="61"/>
      <c r="AF154" s="61"/>
      <c r="AG154" s="61"/>
    </row>
    <row r="155" spans="1:34" ht="15.95" customHeight="1">
      <c r="A155" s="196" t="s">
        <v>19</v>
      </c>
      <c r="B155" s="197"/>
      <c r="C155" s="197"/>
      <c r="D155" s="198"/>
      <c r="E155" s="197" t="s">
        <v>61</v>
      </c>
      <c r="F155" s="197"/>
      <c r="G155" s="197"/>
      <c r="H155" s="198"/>
      <c r="I155" s="197" t="s">
        <v>62</v>
      </c>
      <c r="J155" s="197"/>
      <c r="K155" s="197"/>
      <c r="L155" s="198"/>
      <c r="M155" s="197" t="s">
        <v>63</v>
      </c>
      <c r="N155" s="197"/>
      <c r="O155" s="197"/>
      <c r="P155" s="198"/>
      <c r="Q155" s="290" t="s">
        <v>64</v>
      </c>
      <c r="R155" s="290"/>
      <c r="S155" s="290"/>
      <c r="T155" s="290"/>
      <c r="U155" s="290"/>
      <c r="V155" s="290"/>
      <c r="W155" s="290"/>
      <c r="X155" s="290"/>
      <c r="Y155" s="290"/>
      <c r="Z155" s="290"/>
      <c r="AA155" s="393"/>
      <c r="AB155" s="128" t="s">
        <v>65</v>
      </c>
      <c r="AC155" s="128"/>
      <c r="AD155" s="129"/>
      <c r="AE155" s="128" t="s">
        <v>66</v>
      </c>
      <c r="AF155" s="128"/>
      <c r="AG155" s="480"/>
    </row>
    <row r="156" spans="1:34" ht="15.95" customHeight="1">
      <c r="A156" s="178"/>
      <c r="B156" s="179"/>
      <c r="C156" s="179"/>
      <c r="D156" s="195"/>
      <c r="E156" s="179"/>
      <c r="F156" s="179"/>
      <c r="G156" s="179"/>
      <c r="H156" s="195"/>
      <c r="I156" s="179"/>
      <c r="J156" s="179"/>
      <c r="K156" s="179"/>
      <c r="L156" s="195"/>
      <c r="M156" s="179"/>
      <c r="N156" s="179"/>
      <c r="O156" s="179"/>
      <c r="P156" s="195"/>
      <c r="Q156" s="235" t="s">
        <v>67</v>
      </c>
      <c r="R156" s="235"/>
      <c r="S156" s="236"/>
      <c r="T156" s="146" t="s">
        <v>68</v>
      </c>
      <c r="U156" s="146"/>
      <c r="V156" s="146"/>
      <c r="W156" s="147"/>
      <c r="X156" s="95" t="s">
        <v>69</v>
      </c>
      <c r="Y156" s="95"/>
      <c r="Z156" s="95"/>
      <c r="AA156" s="96"/>
      <c r="AB156" s="153"/>
      <c r="AC156" s="153"/>
      <c r="AD156" s="154"/>
      <c r="AE156" s="153"/>
      <c r="AF156" s="153"/>
      <c r="AG156" s="533"/>
    </row>
    <row r="157" spans="1:34" ht="15.95" customHeight="1">
      <c r="A157" s="199"/>
      <c r="B157" s="193"/>
      <c r="C157" s="193"/>
      <c r="D157" s="194"/>
      <c r="E157" s="193" t="s">
        <v>70</v>
      </c>
      <c r="F157" s="193"/>
      <c r="G157" s="193"/>
      <c r="H157" s="194"/>
      <c r="I157" s="193" t="s">
        <v>71</v>
      </c>
      <c r="J157" s="193"/>
      <c r="K157" s="193"/>
      <c r="L157" s="194"/>
      <c r="M157" s="193" t="s">
        <v>72</v>
      </c>
      <c r="N157" s="193"/>
      <c r="O157" s="193"/>
      <c r="P157" s="194"/>
      <c r="Q157" s="474" t="s">
        <v>73</v>
      </c>
      <c r="R157" s="474"/>
      <c r="S157" s="475"/>
      <c r="T157" s="519" t="s">
        <v>74</v>
      </c>
      <c r="U157" s="519"/>
      <c r="V157" s="519"/>
      <c r="W157" s="520"/>
      <c r="X157" s="384" t="s">
        <v>224</v>
      </c>
      <c r="Y157" s="384"/>
      <c r="Z157" s="384"/>
      <c r="AA157" s="385"/>
      <c r="AB157" s="193" t="s">
        <v>74</v>
      </c>
      <c r="AC157" s="193"/>
      <c r="AD157" s="194"/>
      <c r="AE157" s="193" t="s">
        <v>72</v>
      </c>
      <c r="AF157" s="193"/>
      <c r="AG157" s="534"/>
    </row>
    <row r="158" spans="1:34" ht="27" customHeight="1">
      <c r="A158" s="499" t="s">
        <v>211</v>
      </c>
      <c r="B158" s="500"/>
      <c r="C158" s="500"/>
      <c r="D158" s="501"/>
      <c r="E158" s="386">
        <v>32140</v>
      </c>
      <c r="F158" s="386"/>
      <c r="G158" s="386"/>
      <c r="H158" s="386"/>
      <c r="I158" s="386">
        <v>32320</v>
      </c>
      <c r="J158" s="386"/>
      <c r="K158" s="386"/>
      <c r="L158" s="386"/>
      <c r="M158" s="386">
        <v>73420</v>
      </c>
      <c r="N158" s="386"/>
      <c r="O158" s="386"/>
      <c r="P158" s="386"/>
      <c r="Q158" s="93">
        <v>4.37</v>
      </c>
      <c r="R158" s="93"/>
      <c r="S158" s="93"/>
      <c r="T158" s="93">
        <v>34</v>
      </c>
      <c r="U158" s="93"/>
      <c r="V158" s="93"/>
      <c r="W158" s="93"/>
      <c r="X158" s="93">
        <v>93.27</v>
      </c>
      <c r="Y158" s="93"/>
      <c r="Z158" s="93"/>
      <c r="AA158" s="93"/>
      <c r="AB158" s="93">
        <v>14.73</v>
      </c>
      <c r="AC158" s="93"/>
      <c r="AD158" s="93"/>
      <c r="AE158" s="93">
        <v>0.53</v>
      </c>
      <c r="AF158" s="93"/>
      <c r="AG158" s="535"/>
      <c r="AH158" s="85"/>
    </row>
    <row r="159" spans="1:34" ht="27" customHeight="1">
      <c r="A159" s="493" t="s">
        <v>212</v>
      </c>
      <c r="B159" s="494"/>
      <c r="C159" s="494"/>
      <c r="D159" s="495"/>
      <c r="E159" s="511">
        <v>20860</v>
      </c>
      <c r="F159" s="511"/>
      <c r="G159" s="511"/>
      <c r="H159" s="511"/>
      <c r="I159" s="136">
        <v>21030</v>
      </c>
      <c r="J159" s="136"/>
      <c r="K159" s="136"/>
      <c r="L159" s="136"/>
      <c r="M159" s="136">
        <v>56630</v>
      </c>
      <c r="N159" s="136"/>
      <c r="O159" s="136"/>
      <c r="P159" s="136"/>
      <c r="Q159" s="476">
        <v>5.56</v>
      </c>
      <c r="R159" s="476"/>
      <c r="S159" s="476"/>
      <c r="T159" s="476">
        <v>43.57</v>
      </c>
      <c r="U159" s="476"/>
      <c r="V159" s="476"/>
      <c r="W159" s="476"/>
      <c r="X159" s="476">
        <v>121.25</v>
      </c>
      <c r="Y159" s="476"/>
      <c r="Z159" s="476"/>
      <c r="AA159" s="476"/>
      <c r="AB159" s="476">
        <v>16.05</v>
      </c>
      <c r="AC159" s="476"/>
      <c r="AD159" s="476"/>
      <c r="AE159" s="476">
        <v>0.49</v>
      </c>
      <c r="AF159" s="476"/>
      <c r="AG159" s="477"/>
    </row>
    <row r="160" spans="1:34" ht="27" customHeight="1">
      <c r="A160" s="493" t="s">
        <v>213</v>
      </c>
      <c r="B160" s="494"/>
      <c r="C160" s="494"/>
      <c r="D160" s="495"/>
      <c r="E160" s="136">
        <v>10680</v>
      </c>
      <c r="F160" s="136"/>
      <c r="G160" s="136"/>
      <c r="H160" s="136"/>
      <c r="I160" s="136">
        <v>10690</v>
      </c>
      <c r="J160" s="136"/>
      <c r="K160" s="136"/>
      <c r="L160" s="136"/>
      <c r="M160" s="136">
        <v>16140</v>
      </c>
      <c r="N160" s="136"/>
      <c r="O160" s="136"/>
      <c r="P160" s="136"/>
      <c r="Q160" s="476">
        <v>2.0499999999999998</v>
      </c>
      <c r="R160" s="476"/>
      <c r="S160" s="476"/>
      <c r="T160" s="476">
        <v>15.3</v>
      </c>
      <c r="U160" s="476"/>
      <c r="V160" s="476"/>
      <c r="W160" s="476"/>
      <c r="X160" s="476">
        <v>38.619999999999997</v>
      </c>
      <c r="Y160" s="476"/>
      <c r="Z160" s="476"/>
      <c r="AA160" s="476"/>
      <c r="AB160" s="476">
        <v>10.119999999999999</v>
      </c>
      <c r="AC160" s="476"/>
      <c r="AD160" s="476"/>
      <c r="AE160" s="476">
        <v>0.74</v>
      </c>
      <c r="AF160" s="476"/>
      <c r="AG160" s="477"/>
    </row>
    <row r="161" spans="1:33" ht="27" customHeight="1">
      <c r="A161" s="178" t="s">
        <v>214</v>
      </c>
      <c r="B161" s="179"/>
      <c r="C161" s="179"/>
      <c r="D161" s="195"/>
      <c r="E161" s="136">
        <v>31940</v>
      </c>
      <c r="F161" s="136"/>
      <c r="G161" s="136"/>
      <c r="H161" s="136"/>
      <c r="I161" s="136">
        <v>32120</v>
      </c>
      <c r="J161" s="136"/>
      <c r="K161" s="136"/>
      <c r="L161" s="136"/>
      <c r="M161" s="136">
        <v>73000</v>
      </c>
      <c r="N161" s="136"/>
      <c r="O161" s="136"/>
      <c r="P161" s="136"/>
      <c r="Q161" s="476">
        <v>4.37</v>
      </c>
      <c r="R161" s="476"/>
      <c r="S161" s="476"/>
      <c r="T161" s="476">
        <v>33.950000000000003</v>
      </c>
      <c r="U161" s="476"/>
      <c r="V161" s="476"/>
      <c r="W161" s="476"/>
      <c r="X161" s="476">
        <v>93.05</v>
      </c>
      <c r="Y161" s="476"/>
      <c r="Z161" s="476"/>
      <c r="AA161" s="476"/>
      <c r="AB161" s="476">
        <v>14.71</v>
      </c>
      <c r="AC161" s="476"/>
      <c r="AD161" s="476"/>
      <c r="AE161" s="476">
        <v>0.53</v>
      </c>
      <c r="AF161" s="476"/>
      <c r="AG161" s="477"/>
    </row>
    <row r="162" spans="1:33" s="63" customFormat="1" ht="27" customHeight="1">
      <c r="A162" s="516" t="s">
        <v>215</v>
      </c>
      <c r="B162" s="517"/>
      <c r="C162" s="517"/>
      <c r="D162" s="518"/>
      <c r="E162" s="100">
        <v>200</v>
      </c>
      <c r="F162" s="100"/>
      <c r="G162" s="100"/>
      <c r="H162" s="100"/>
      <c r="I162" s="100">
        <v>200</v>
      </c>
      <c r="J162" s="100"/>
      <c r="K162" s="100"/>
      <c r="L162" s="100"/>
      <c r="M162" s="100">
        <v>430</v>
      </c>
      <c r="N162" s="100"/>
      <c r="O162" s="100"/>
      <c r="P162" s="100"/>
      <c r="Q162" s="478">
        <v>5.27</v>
      </c>
      <c r="R162" s="478"/>
      <c r="S162" s="478"/>
      <c r="T162" s="478">
        <v>41.72</v>
      </c>
      <c r="U162" s="478"/>
      <c r="V162" s="478"/>
      <c r="W162" s="478"/>
      <c r="X162" s="478">
        <v>131.9</v>
      </c>
      <c r="Y162" s="478"/>
      <c r="Z162" s="478"/>
      <c r="AA162" s="478"/>
      <c r="AB162" s="478">
        <v>18.95</v>
      </c>
      <c r="AC162" s="478"/>
      <c r="AD162" s="478"/>
      <c r="AE162" s="478">
        <v>0.42</v>
      </c>
      <c r="AF162" s="478"/>
      <c r="AG162" s="479"/>
    </row>
    <row r="163" spans="1:33" s="3" customFormat="1" ht="13.5" customHeight="1">
      <c r="A163" s="53" t="s">
        <v>341</v>
      </c>
      <c r="B163" s="51"/>
      <c r="C163" s="51"/>
      <c r="D163" s="51"/>
      <c r="E163" s="28"/>
      <c r="F163" s="28"/>
      <c r="G163" s="28"/>
      <c r="H163" s="28"/>
      <c r="I163" s="28"/>
      <c r="J163" s="28"/>
      <c r="K163" s="28"/>
      <c r="L163" s="28"/>
      <c r="M163" s="28"/>
      <c r="N163" s="28"/>
      <c r="O163" s="28"/>
      <c r="P163" s="28"/>
      <c r="Q163" s="52"/>
      <c r="R163" s="52"/>
      <c r="S163" s="52"/>
      <c r="T163" s="28"/>
      <c r="U163" s="28"/>
      <c r="V163" s="28"/>
      <c r="W163" s="28"/>
      <c r="X163" s="87"/>
      <c r="Y163" s="87"/>
      <c r="Z163" s="87"/>
      <c r="AA163" s="87"/>
      <c r="AB163" s="28"/>
      <c r="AC163" s="28"/>
      <c r="AD163" s="28"/>
      <c r="AE163" s="28"/>
      <c r="AF163" s="28"/>
      <c r="AG163" s="28"/>
    </row>
    <row r="164" spans="1:33" s="3" customFormat="1" ht="13.5" customHeight="1">
      <c r="A164" s="53" t="s">
        <v>282</v>
      </c>
      <c r="B164" s="51"/>
      <c r="C164" s="51"/>
      <c r="D164" s="51"/>
      <c r="E164" s="28"/>
      <c r="F164" s="28"/>
      <c r="G164" s="28"/>
      <c r="H164" s="28"/>
      <c r="I164" s="28"/>
      <c r="J164" s="28"/>
      <c r="K164" s="28"/>
      <c r="L164" s="28"/>
      <c r="M164" s="28"/>
      <c r="N164" s="28"/>
      <c r="O164" s="28"/>
      <c r="P164" s="28"/>
      <c r="Q164" s="52"/>
      <c r="R164" s="52"/>
      <c r="S164" s="52"/>
      <c r="T164" s="28"/>
      <c r="U164" s="28"/>
      <c r="V164" s="28"/>
      <c r="W164" s="28"/>
      <c r="X164" s="87"/>
      <c r="Y164" s="87"/>
      <c r="Z164" s="87"/>
      <c r="AA164" s="87"/>
      <c r="AB164" s="28"/>
      <c r="AC164" s="28"/>
      <c r="AD164" s="28"/>
      <c r="AE164" s="28"/>
      <c r="AF164" s="28"/>
      <c r="AG164" s="28"/>
    </row>
    <row r="165" spans="1:33" s="3" customFormat="1" ht="13.5" customHeight="1">
      <c r="A165" s="28"/>
      <c r="B165" s="28"/>
      <c r="C165" s="28"/>
      <c r="D165" s="28"/>
      <c r="E165" s="28"/>
      <c r="F165" s="28"/>
      <c r="G165" s="28"/>
      <c r="H165" s="28"/>
      <c r="I165" s="28"/>
      <c r="J165" s="28"/>
      <c r="K165" s="28"/>
      <c r="L165" s="28"/>
      <c r="M165" s="28"/>
      <c r="N165" s="28"/>
      <c r="O165" s="28"/>
      <c r="P165" s="28"/>
      <c r="Q165" s="52"/>
      <c r="R165" s="52"/>
      <c r="S165" s="52"/>
      <c r="T165" s="28"/>
      <c r="V165" s="9"/>
      <c r="W165" s="9"/>
      <c r="X165" s="9"/>
      <c r="Y165" s="9"/>
      <c r="Z165" s="9"/>
      <c r="AA165" s="9"/>
      <c r="AB165" s="9"/>
      <c r="AC165" s="9"/>
      <c r="AD165" s="9"/>
      <c r="AE165" s="9"/>
      <c r="AF165" s="9"/>
      <c r="AG165" s="9" t="s">
        <v>208</v>
      </c>
    </row>
    <row r="166" spans="1:33" ht="20.100000000000001" customHeight="1">
      <c r="A166" s="47" t="s">
        <v>75</v>
      </c>
      <c r="B166" s="48"/>
      <c r="C166" s="11"/>
      <c r="D166" s="11"/>
      <c r="E166" s="11"/>
      <c r="F166" s="11"/>
      <c r="G166" s="11"/>
      <c r="H166" s="11"/>
      <c r="I166" s="11"/>
      <c r="J166" s="11"/>
      <c r="K166" s="11"/>
      <c r="L166" s="11"/>
      <c r="M166" s="11"/>
      <c r="N166" s="11"/>
      <c r="O166" s="11"/>
      <c r="P166" s="11"/>
      <c r="Q166" s="88"/>
      <c r="R166" s="88"/>
      <c r="S166" s="88"/>
      <c r="T166" s="11"/>
      <c r="U166" s="18"/>
      <c r="V166" s="18"/>
      <c r="W166" s="18"/>
      <c r="X166" s="18"/>
      <c r="Y166" s="18"/>
      <c r="Z166" s="18"/>
      <c r="AA166" s="18"/>
      <c r="AB166" s="18"/>
      <c r="AC166" s="18"/>
      <c r="AD166" s="18"/>
      <c r="AE166" s="18"/>
      <c r="AF166" s="18"/>
      <c r="AG166" s="18"/>
    </row>
    <row r="167" spans="1:33" ht="15.95" customHeight="1">
      <c r="A167" s="41"/>
      <c r="B167" s="2" t="s">
        <v>336</v>
      </c>
      <c r="C167" s="11"/>
      <c r="D167" s="11"/>
      <c r="E167" s="11"/>
      <c r="F167" s="11"/>
      <c r="G167" s="11"/>
      <c r="H167" s="11"/>
      <c r="I167" s="11"/>
      <c r="J167" s="11"/>
      <c r="K167" s="11"/>
      <c r="L167" s="11"/>
      <c r="M167" s="11"/>
      <c r="N167" s="11"/>
      <c r="O167" s="11"/>
      <c r="P167" s="11"/>
      <c r="Q167" s="11"/>
      <c r="R167" s="88"/>
      <c r="S167" s="88"/>
      <c r="T167" s="88"/>
      <c r="U167" s="11"/>
      <c r="V167" s="18"/>
      <c r="W167" s="18"/>
      <c r="X167" s="18"/>
      <c r="Y167" s="18"/>
      <c r="Z167" s="18"/>
      <c r="AA167" s="18"/>
      <c r="AB167" s="18"/>
      <c r="AC167" s="18"/>
      <c r="AD167" s="18"/>
      <c r="AF167" s="25" t="s">
        <v>48</v>
      </c>
    </row>
    <row r="168" spans="1:33" ht="27.75" customHeight="1">
      <c r="A168" s="358" t="s">
        <v>76</v>
      </c>
      <c r="B168" s="359"/>
      <c r="C168" s="359"/>
      <c r="D168" s="359"/>
      <c r="E168" s="359"/>
      <c r="F168" s="360"/>
      <c r="G168" s="491" t="s">
        <v>77</v>
      </c>
      <c r="H168" s="491"/>
      <c r="I168" s="491"/>
      <c r="J168" s="487" t="s">
        <v>306</v>
      </c>
      <c r="K168" s="487"/>
      <c r="L168" s="487" t="s">
        <v>312</v>
      </c>
      <c r="M168" s="487"/>
      <c r="N168" s="487" t="s">
        <v>313</v>
      </c>
      <c r="O168" s="491"/>
      <c r="P168" s="487" t="s">
        <v>337</v>
      </c>
      <c r="Q168" s="491"/>
      <c r="R168" s="127" t="s">
        <v>307</v>
      </c>
      <c r="S168" s="128"/>
      <c r="T168" s="129"/>
      <c r="U168" s="127" t="s">
        <v>308</v>
      </c>
      <c r="V168" s="128"/>
      <c r="W168" s="129"/>
      <c r="X168" s="127" t="s">
        <v>309</v>
      </c>
      <c r="Y168" s="128"/>
      <c r="Z168" s="129"/>
      <c r="AA168" s="127" t="s">
        <v>338</v>
      </c>
      <c r="AB168" s="128"/>
      <c r="AC168" s="129"/>
      <c r="AD168" s="127" t="s">
        <v>339</v>
      </c>
      <c r="AE168" s="128"/>
      <c r="AF168" s="480"/>
      <c r="AG168" s="89"/>
    </row>
    <row r="169" spans="1:33" ht="27.75" customHeight="1">
      <c r="A169" s="496" t="s">
        <v>78</v>
      </c>
      <c r="B169" s="497"/>
      <c r="C169" s="497"/>
      <c r="D169" s="497"/>
      <c r="E169" s="497"/>
      <c r="F169" s="498"/>
      <c r="G169" s="492"/>
      <c r="H169" s="492"/>
      <c r="I169" s="492"/>
      <c r="J169" s="488"/>
      <c r="K169" s="488"/>
      <c r="L169" s="488"/>
      <c r="M169" s="488"/>
      <c r="N169" s="492"/>
      <c r="O169" s="492"/>
      <c r="P169" s="492"/>
      <c r="Q169" s="492"/>
      <c r="R169" s="130"/>
      <c r="S169" s="110"/>
      <c r="T169" s="111"/>
      <c r="U169" s="130"/>
      <c r="V169" s="110"/>
      <c r="W169" s="111"/>
      <c r="X169" s="130"/>
      <c r="Y169" s="110"/>
      <c r="Z169" s="111"/>
      <c r="AA169" s="130"/>
      <c r="AB169" s="110"/>
      <c r="AC169" s="111"/>
      <c r="AD169" s="130"/>
      <c r="AE169" s="110"/>
      <c r="AF169" s="481"/>
      <c r="AG169" s="89"/>
    </row>
    <row r="170" spans="1:33" ht="27" customHeight="1">
      <c r="A170" s="466" t="s">
        <v>281</v>
      </c>
      <c r="B170" s="467"/>
      <c r="C170" s="467"/>
      <c r="D170" s="467"/>
      <c r="E170" s="467"/>
      <c r="F170" s="468"/>
      <c r="G170" s="473">
        <v>32140</v>
      </c>
      <c r="H170" s="173"/>
      <c r="I170" s="173"/>
      <c r="J170" s="173">
        <v>1920</v>
      </c>
      <c r="K170" s="173"/>
      <c r="L170" s="173">
        <v>3020</v>
      </c>
      <c r="M170" s="173"/>
      <c r="N170" s="173">
        <v>4270</v>
      </c>
      <c r="O170" s="173"/>
      <c r="P170" s="173">
        <v>7750</v>
      </c>
      <c r="Q170" s="173"/>
      <c r="R170" s="148">
        <v>3850</v>
      </c>
      <c r="S170" s="148"/>
      <c r="T170" s="148"/>
      <c r="U170" s="148">
        <v>2450</v>
      </c>
      <c r="V170" s="148"/>
      <c r="W170" s="148"/>
      <c r="X170" s="148">
        <v>3210</v>
      </c>
      <c r="Y170" s="148"/>
      <c r="Z170" s="148"/>
      <c r="AA170" s="148">
        <v>3420</v>
      </c>
      <c r="AB170" s="148"/>
      <c r="AC170" s="148"/>
      <c r="AD170" s="173">
        <v>1530</v>
      </c>
      <c r="AE170" s="173"/>
      <c r="AF170" s="174"/>
      <c r="AG170" s="85"/>
    </row>
    <row r="171" spans="1:33" ht="15.95" customHeight="1">
      <c r="A171" s="94" t="s">
        <v>79</v>
      </c>
      <c r="B171" s="95"/>
      <c r="C171" s="95"/>
      <c r="D171" s="95"/>
      <c r="E171" s="95"/>
      <c r="F171" s="96"/>
      <c r="G171" s="131"/>
      <c r="H171" s="131"/>
      <c r="I171" s="131"/>
      <c r="J171" s="131"/>
      <c r="K171" s="131"/>
      <c r="L171" s="131"/>
      <c r="M171" s="131"/>
      <c r="N171" s="131"/>
      <c r="O171" s="131"/>
      <c r="P171" s="131"/>
      <c r="Q171" s="131"/>
      <c r="R171" s="131"/>
      <c r="S171" s="131"/>
      <c r="T171" s="131"/>
      <c r="U171" s="131"/>
      <c r="V171" s="131"/>
      <c r="W171" s="131"/>
      <c r="X171" s="131"/>
      <c r="Y171" s="131"/>
      <c r="Z171" s="131"/>
      <c r="AA171" s="131"/>
      <c r="AB171" s="131"/>
      <c r="AC171" s="131"/>
      <c r="AD171" s="131"/>
      <c r="AE171" s="131"/>
      <c r="AF171" s="525"/>
      <c r="AG171" s="90"/>
    </row>
    <row r="172" spans="1:33" ht="20.100000000000001" customHeight="1">
      <c r="A172" s="222" t="s">
        <v>217</v>
      </c>
      <c r="B172" s="223"/>
      <c r="C172" s="223"/>
      <c r="D172" s="223"/>
      <c r="E172" s="223"/>
      <c r="F172" s="224"/>
      <c r="G172" s="418">
        <v>31940</v>
      </c>
      <c r="H172" s="126"/>
      <c r="I172" s="126"/>
      <c r="J172" s="126">
        <v>1910</v>
      </c>
      <c r="K172" s="126"/>
      <c r="L172" s="126">
        <v>3020</v>
      </c>
      <c r="M172" s="126"/>
      <c r="N172" s="126">
        <v>4200</v>
      </c>
      <c r="O172" s="126"/>
      <c r="P172" s="126">
        <v>7750</v>
      </c>
      <c r="Q172" s="126"/>
      <c r="R172" s="126">
        <v>3820</v>
      </c>
      <c r="S172" s="126"/>
      <c r="T172" s="126"/>
      <c r="U172" s="126">
        <v>2430</v>
      </c>
      <c r="V172" s="126"/>
      <c r="W172" s="126"/>
      <c r="X172" s="126">
        <v>3190</v>
      </c>
      <c r="Y172" s="126"/>
      <c r="Z172" s="126"/>
      <c r="AA172" s="126">
        <v>3390</v>
      </c>
      <c r="AB172" s="126"/>
      <c r="AC172" s="126"/>
      <c r="AD172" s="126">
        <v>1530</v>
      </c>
      <c r="AE172" s="126"/>
      <c r="AF172" s="170"/>
      <c r="AG172" s="90"/>
    </row>
    <row r="173" spans="1:33" ht="27" customHeight="1">
      <c r="A173" s="175" t="s">
        <v>216</v>
      </c>
      <c r="B173" s="176"/>
      <c r="C173" s="176"/>
      <c r="D173" s="176"/>
      <c r="E173" s="176"/>
      <c r="F173" s="177"/>
      <c r="G173" s="126">
        <v>200</v>
      </c>
      <c r="H173" s="126"/>
      <c r="I173" s="126"/>
      <c r="J173" s="126">
        <v>20</v>
      </c>
      <c r="K173" s="126"/>
      <c r="L173" s="171" t="s">
        <v>334</v>
      </c>
      <c r="M173" s="171"/>
      <c r="N173" s="126">
        <v>70</v>
      </c>
      <c r="O173" s="126"/>
      <c r="P173" s="171" t="s">
        <v>334</v>
      </c>
      <c r="Q173" s="171"/>
      <c r="R173" s="126">
        <v>30</v>
      </c>
      <c r="S173" s="126"/>
      <c r="T173" s="126"/>
      <c r="U173" s="126">
        <v>20</v>
      </c>
      <c r="V173" s="126"/>
      <c r="W173" s="126"/>
      <c r="X173" s="126">
        <v>20</v>
      </c>
      <c r="Y173" s="126"/>
      <c r="Z173" s="126"/>
      <c r="AA173" s="126">
        <v>30</v>
      </c>
      <c r="AB173" s="126"/>
      <c r="AC173" s="126"/>
      <c r="AD173" s="171" t="s">
        <v>334</v>
      </c>
      <c r="AE173" s="171"/>
      <c r="AF173" s="172"/>
      <c r="AG173" s="90"/>
    </row>
    <row r="174" spans="1:33" ht="15.95" customHeight="1">
      <c r="A174" s="94" t="s">
        <v>80</v>
      </c>
      <c r="B174" s="95"/>
      <c r="C174" s="95"/>
      <c r="D174" s="95"/>
      <c r="E174" s="95"/>
      <c r="F174" s="96"/>
      <c r="G174" s="126"/>
      <c r="H174" s="126"/>
      <c r="I174" s="126"/>
      <c r="J174" s="126"/>
      <c r="K174" s="126"/>
      <c r="L174" s="126"/>
      <c r="M174" s="126"/>
      <c r="N174" s="126"/>
      <c r="O174" s="126"/>
      <c r="P174" s="126"/>
      <c r="Q174" s="126"/>
      <c r="R174" s="126"/>
      <c r="S174" s="126"/>
      <c r="T174" s="126"/>
      <c r="U174" s="126"/>
      <c r="V174" s="126"/>
      <c r="W174" s="126"/>
      <c r="X174" s="126"/>
      <c r="Y174" s="126"/>
      <c r="Z174" s="126"/>
      <c r="AA174" s="126"/>
      <c r="AB174" s="126"/>
      <c r="AC174" s="126"/>
      <c r="AD174" s="126"/>
      <c r="AE174" s="126"/>
      <c r="AF174" s="170"/>
      <c r="AG174" s="90"/>
    </row>
    <row r="175" spans="1:33" ht="20.100000000000001" customHeight="1">
      <c r="A175" s="222" t="s">
        <v>81</v>
      </c>
      <c r="B175" s="223"/>
      <c r="C175" s="223"/>
      <c r="D175" s="223"/>
      <c r="E175" s="223"/>
      <c r="F175" s="224"/>
      <c r="G175" s="126">
        <v>15860</v>
      </c>
      <c r="H175" s="126"/>
      <c r="I175" s="126"/>
      <c r="J175" s="126">
        <v>1180</v>
      </c>
      <c r="K175" s="126"/>
      <c r="L175" s="126">
        <v>1780</v>
      </c>
      <c r="M175" s="126"/>
      <c r="N175" s="126">
        <v>1970</v>
      </c>
      <c r="O175" s="126"/>
      <c r="P175" s="126">
        <v>3100</v>
      </c>
      <c r="Q175" s="126"/>
      <c r="R175" s="126">
        <v>1570</v>
      </c>
      <c r="S175" s="126"/>
      <c r="T175" s="126"/>
      <c r="U175" s="126">
        <v>1150</v>
      </c>
      <c r="V175" s="126"/>
      <c r="W175" s="126"/>
      <c r="X175" s="126">
        <v>1860</v>
      </c>
      <c r="Y175" s="126"/>
      <c r="Z175" s="126"/>
      <c r="AA175" s="126">
        <v>1930</v>
      </c>
      <c r="AB175" s="126"/>
      <c r="AC175" s="126"/>
      <c r="AD175" s="126">
        <v>970</v>
      </c>
      <c r="AE175" s="126"/>
      <c r="AF175" s="170"/>
      <c r="AG175" s="90"/>
    </row>
    <row r="176" spans="1:33" ht="20.100000000000001" customHeight="1">
      <c r="A176" s="408" t="s">
        <v>82</v>
      </c>
      <c r="B176" s="409"/>
      <c r="C176" s="409"/>
      <c r="D176" s="409"/>
      <c r="E176" s="409"/>
      <c r="F176" s="410"/>
      <c r="G176" s="168">
        <v>16280</v>
      </c>
      <c r="H176" s="168"/>
      <c r="I176" s="168"/>
      <c r="J176" s="168">
        <v>740</v>
      </c>
      <c r="K176" s="168"/>
      <c r="L176" s="168">
        <v>1230</v>
      </c>
      <c r="M176" s="168"/>
      <c r="N176" s="168">
        <v>2290</v>
      </c>
      <c r="O176" s="168"/>
      <c r="P176" s="168">
        <v>4650</v>
      </c>
      <c r="Q176" s="168"/>
      <c r="R176" s="168">
        <v>2280</v>
      </c>
      <c r="S176" s="168"/>
      <c r="T176" s="168"/>
      <c r="U176" s="168">
        <v>1300</v>
      </c>
      <c r="V176" s="168"/>
      <c r="W176" s="168"/>
      <c r="X176" s="168">
        <v>1350</v>
      </c>
      <c r="Y176" s="168"/>
      <c r="Z176" s="168"/>
      <c r="AA176" s="168">
        <v>1490</v>
      </c>
      <c r="AB176" s="168"/>
      <c r="AC176" s="168"/>
      <c r="AD176" s="168">
        <v>570</v>
      </c>
      <c r="AE176" s="168"/>
      <c r="AF176" s="169"/>
      <c r="AG176" s="90"/>
    </row>
    <row r="177" spans="1:34" s="3" customFormat="1" ht="13.5" customHeight="1">
      <c r="A177" s="53" t="s">
        <v>341</v>
      </c>
      <c r="B177" s="51"/>
      <c r="C177" s="51"/>
      <c r="D177" s="51"/>
      <c r="E177" s="51"/>
      <c r="F177" s="28"/>
      <c r="G177" s="28"/>
      <c r="H177" s="28"/>
      <c r="I177" s="28"/>
      <c r="J177" s="28"/>
      <c r="K177" s="28"/>
      <c r="L177" s="28"/>
      <c r="M177" s="28"/>
      <c r="N177" s="28"/>
      <c r="O177" s="28"/>
      <c r="P177" s="28"/>
      <c r="Q177" s="28"/>
      <c r="R177" s="52"/>
      <c r="S177" s="52"/>
      <c r="T177" s="52"/>
      <c r="U177" s="28"/>
      <c r="V177" s="28"/>
      <c r="W177" s="28"/>
      <c r="X177" s="28"/>
      <c r="Y177" s="87"/>
      <c r="Z177" s="87"/>
      <c r="AA177" s="87"/>
      <c r="AB177" s="87"/>
      <c r="AC177" s="28"/>
      <c r="AD177" s="28"/>
      <c r="AE177" s="28"/>
      <c r="AF177" s="28"/>
      <c r="AG177" s="28"/>
      <c r="AH177" s="28"/>
    </row>
    <row r="178" spans="1:34" s="3" customFormat="1" ht="13.5" customHeight="1">
      <c r="A178" s="53" t="s">
        <v>59</v>
      </c>
      <c r="B178" s="51"/>
      <c r="C178" s="51"/>
      <c r="D178" s="51"/>
      <c r="E178" s="51"/>
      <c r="F178" s="28"/>
      <c r="G178" s="28"/>
      <c r="H178" s="28"/>
      <c r="I178" s="28"/>
      <c r="J178" s="28"/>
      <c r="K178" s="28"/>
      <c r="L178" s="28"/>
      <c r="M178" s="28"/>
      <c r="N178" s="28"/>
      <c r="O178" s="28"/>
      <c r="P178" s="28"/>
      <c r="Q178" s="28"/>
      <c r="R178" s="52"/>
      <c r="S178" s="52"/>
      <c r="T178" s="52"/>
      <c r="U178" s="28"/>
      <c r="V178" s="28"/>
      <c r="W178" s="28"/>
      <c r="X178" s="28"/>
      <c r="Y178" s="87"/>
      <c r="Z178" s="87"/>
      <c r="AA178" s="87"/>
      <c r="AB178" s="87"/>
      <c r="AC178" s="28"/>
      <c r="AD178" s="28"/>
      <c r="AE178" s="28"/>
      <c r="AF178" s="28"/>
      <c r="AG178" s="28"/>
      <c r="AH178" s="28"/>
    </row>
    <row r="179" spans="1:34" s="3" customFormat="1" ht="13.5" customHeight="1">
      <c r="A179" s="28"/>
      <c r="B179" s="28"/>
      <c r="C179" s="28"/>
      <c r="D179" s="28"/>
      <c r="E179" s="28"/>
      <c r="F179" s="28"/>
      <c r="G179" s="28"/>
      <c r="H179" s="28"/>
      <c r="I179" s="28"/>
      <c r="J179" s="28"/>
      <c r="K179" s="28"/>
      <c r="L179" s="28"/>
      <c r="M179" s="28"/>
      <c r="N179" s="28"/>
      <c r="O179" s="28"/>
      <c r="P179" s="28"/>
      <c r="Q179" s="28"/>
      <c r="R179" s="52"/>
      <c r="S179" s="52"/>
      <c r="T179" s="52"/>
      <c r="U179" s="28"/>
      <c r="W179" s="9"/>
      <c r="X179" s="9"/>
      <c r="Y179" s="9"/>
      <c r="Z179" s="9"/>
      <c r="AA179" s="9"/>
      <c r="AB179" s="9"/>
      <c r="AC179" s="9"/>
      <c r="AD179" s="9"/>
      <c r="AE179" s="9"/>
      <c r="AF179" s="9"/>
      <c r="AG179" s="9" t="s">
        <v>208</v>
      </c>
    </row>
    <row r="180" spans="1:34" s="3" customFormat="1" ht="15.95" customHeight="1">
      <c r="A180" s="28"/>
      <c r="B180" s="28"/>
      <c r="C180" s="28"/>
      <c r="D180" s="28"/>
      <c r="E180" s="28"/>
      <c r="F180" s="28"/>
      <c r="G180" s="28"/>
      <c r="H180" s="28"/>
      <c r="I180" s="28"/>
      <c r="J180" s="28"/>
      <c r="K180" s="28"/>
      <c r="L180" s="28"/>
      <c r="M180" s="28"/>
      <c r="N180" s="28"/>
      <c r="O180" s="28"/>
      <c r="P180" s="28"/>
      <c r="Q180" s="52"/>
      <c r="R180" s="52"/>
      <c r="S180" s="52"/>
      <c r="T180" s="28"/>
      <c r="U180" s="9"/>
      <c r="V180" s="9"/>
      <c r="W180" s="9"/>
      <c r="X180" s="9"/>
      <c r="Y180" s="9"/>
      <c r="Z180" s="9"/>
      <c r="AA180" s="9"/>
      <c r="AB180" s="9"/>
      <c r="AC180" s="9"/>
      <c r="AD180" s="9"/>
      <c r="AE180" s="9"/>
      <c r="AF180" s="9"/>
      <c r="AG180" s="9"/>
    </row>
    <row r="181" spans="1:34" s="1" customFormat="1" ht="20.100000000000001" customHeight="1">
      <c r="A181" s="1" t="s">
        <v>268</v>
      </c>
      <c r="AG181" s="25" t="s">
        <v>83</v>
      </c>
    </row>
    <row r="182" spans="1:34" ht="15.75" customHeight="1">
      <c r="A182" s="444" t="s">
        <v>149</v>
      </c>
      <c r="B182" s="445"/>
      <c r="C182" s="445"/>
      <c r="D182" s="445"/>
      <c r="E182" s="445"/>
      <c r="F182" s="445"/>
      <c r="G182" s="445"/>
      <c r="H182" s="445"/>
      <c r="I182" s="446"/>
      <c r="J182" s="447">
        <v>4</v>
      </c>
      <c r="K182" s="448"/>
      <c r="L182" s="448"/>
      <c r="M182" s="448"/>
      <c r="N182" s="448"/>
      <c r="O182" s="448"/>
      <c r="P182" s="448"/>
      <c r="Q182" s="449"/>
      <c r="R182" s="447">
        <v>5</v>
      </c>
      <c r="S182" s="448"/>
      <c r="T182" s="448"/>
      <c r="U182" s="448"/>
      <c r="V182" s="448"/>
      <c r="W182" s="448"/>
      <c r="X182" s="448"/>
      <c r="Y182" s="448"/>
      <c r="Z182" s="570">
        <v>6</v>
      </c>
      <c r="AA182" s="571"/>
      <c r="AB182" s="571"/>
      <c r="AC182" s="571"/>
      <c r="AD182" s="571"/>
      <c r="AE182" s="571"/>
      <c r="AF182" s="571"/>
      <c r="AG182" s="572"/>
    </row>
    <row r="183" spans="1:34" ht="15.75" customHeight="1">
      <c r="A183" s="413" t="s">
        <v>150</v>
      </c>
      <c r="B183" s="414"/>
      <c r="C183" s="414"/>
      <c r="D183" s="414"/>
      <c r="E183" s="414"/>
      <c r="F183" s="414"/>
      <c r="G183" s="414"/>
      <c r="H183" s="414"/>
      <c r="I183" s="415"/>
      <c r="J183" s="450"/>
      <c r="K183" s="451"/>
      <c r="L183" s="451"/>
      <c r="M183" s="451"/>
      <c r="N183" s="451"/>
      <c r="O183" s="451"/>
      <c r="P183" s="451"/>
      <c r="Q183" s="452"/>
      <c r="R183" s="450"/>
      <c r="S183" s="451"/>
      <c r="T183" s="451"/>
      <c r="U183" s="451"/>
      <c r="V183" s="451"/>
      <c r="W183" s="451"/>
      <c r="X183" s="451"/>
      <c r="Y183" s="451"/>
      <c r="Z183" s="573"/>
      <c r="AA183" s="574"/>
      <c r="AB183" s="574"/>
      <c r="AC183" s="574"/>
      <c r="AD183" s="574"/>
      <c r="AE183" s="574"/>
      <c r="AF183" s="574"/>
      <c r="AG183" s="575"/>
    </row>
    <row r="184" spans="1:34" ht="15.95" customHeight="1">
      <c r="A184" s="441" t="s">
        <v>239</v>
      </c>
      <c r="B184" s="442"/>
      <c r="C184" s="442"/>
      <c r="D184" s="442"/>
      <c r="E184" s="442"/>
      <c r="F184" s="442"/>
      <c r="G184" s="442"/>
      <c r="H184" s="442"/>
      <c r="I184" s="443"/>
      <c r="J184" s="417">
        <v>56</v>
      </c>
      <c r="K184" s="417"/>
      <c r="L184" s="417"/>
      <c r="M184" s="417"/>
      <c r="N184" s="417"/>
      <c r="O184" s="417"/>
      <c r="P184" s="417"/>
      <c r="Q184" s="417"/>
      <c r="R184" s="417">
        <v>36</v>
      </c>
      <c r="S184" s="417"/>
      <c r="T184" s="417"/>
      <c r="U184" s="417"/>
      <c r="V184" s="417"/>
      <c r="W184" s="417"/>
      <c r="X184" s="417"/>
      <c r="Y184" s="417"/>
      <c r="Z184" s="576">
        <v>51</v>
      </c>
      <c r="AA184" s="576"/>
      <c r="AB184" s="576"/>
      <c r="AC184" s="576"/>
      <c r="AD184" s="576"/>
      <c r="AE184" s="576"/>
      <c r="AF184" s="576"/>
      <c r="AG184" s="577"/>
    </row>
    <row r="185" spans="1:34" ht="15.95" customHeight="1">
      <c r="A185" s="411" t="s">
        <v>151</v>
      </c>
      <c r="B185" s="336"/>
      <c r="C185" s="336"/>
      <c r="D185" s="336"/>
      <c r="E185" s="336"/>
      <c r="F185" s="336"/>
      <c r="G185" s="336"/>
      <c r="H185" s="336"/>
      <c r="I185" s="412"/>
      <c r="J185" s="416" t="s">
        <v>205</v>
      </c>
      <c r="K185" s="416"/>
      <c r="L185" s="416"/>
      <c r="M185" s="416"/>
      <c r="N185" s="416"/>
      <c r="O185" s="416"/>
      <c r="P185" s="416"/>
      <c r="Q185" s="416"/>
      <c r="R185" s="440">
        <v>1</v>
      </c>
      <c r="S185" s="440"/>
      <c r="T185" s="440"/>
      <c r="U185" s="440"/>
      <c r="V185" s="440"/>
      <c r="W185" s="440"/>
      <c r="X185" s="440"/>
      <c r="Y185" s="440"/>
      <c r="Z185" s="539">
        <v>1</v>
      </c>
      <c r="AA185" s="539"/>
      <c r="AB185" s="539"/>
      <c r="AC185" s="539"/>
      <c r="AD185" s="539"/>
      <c r="AE185" s="539"/>
      <c r="AF185" s="539"/>
      <c r="AG185" s="540"/>
    </row>
    <row r="186" spans="1:34" ht="15.95" customHeight="1">
      <c r="A186" s="411" t="s">
        <v>152</v>
      </c>
      <c r="B186" s="336"/>
      <c r="C186" s="336"/>
      <c r="D186" s="336"/>
      <c r="E186" s="336"/>
      <c r="F186" s="336"/>
      <c r="G186" s="336"/>
      <c r="H186" s="336"/>
      <c r="I186" s="412"/>
      <c r="J186" s="416" t="s">
        <v>205</v>
      </c>
      <c r="K186" s="416"/>
      <c r="L186" s="416"/>
      <c r="M186" s="416"/>
      <c r="N186" s="416"/>
      <c r="O186" s="416"/>
      <c r="P186" s="416"/>
      <c r="Q186" s="416"/>
      <c r="R186" s="440" t="s">
        <v>205</v>
      </c>
      <c r="S186" s="440"/>
      <c r="T186" s="440"/>
      <c r="U186" s="440"/>
      <c r="V186" s="440"/>
      <c r="W186" s="440"/>
      <c r="X186" s="440"/>
      <c r="Y186" s="440"/>
      <c r="Z186" s="539" t="s">
        <v>205</v>
      </c>
      <c r="AA186" s="539"/>
      <c r="AB186" s="539"/>
      <c r="AC186" s="539"/>
      <c r="AD186" s="539"/>
      <c r="AE186" s="539"/>
      <c r="AF186" s="539"/>
      <c r="AG186" s="540"/>
    </row>
    <row r="187" spans="1:34" ht="15.95" customHeight="1">
      <c r="A187" s="411" t="s">
        <v>153</v>
      </c>
      <c r="B187" s="336"/>
      <c r="C187" s="336"/>
      <c r="D187" s="336"/>
      <c r="E187" s="336"/>
      <c r="F187" s="336"/>
      <c r="G187" s="336"/>
      <c r="H187" s="336"/>
      <c r="I187" s="412"/>
      <c r="J187" s="416" t="s">
        <v>205</v>
      </c>
      <c r="K187" s="416"/>
      <c r="L187" s="416"/>
      <c r="M187" s="416"/>
      <c r="N187" s="416"/>
      <c r="O187" s="416"/>
      <c r="P187" s="416"/>
      <c r="Q187" s="416"/>
      <c r="R187" s="440" t="s">
        <v>205</v>
      </c>
      <c r="S187" s="440"/>
      <c r="T187" s="440"/>
      <c r="U187" s="440"/>
      <c r="V187" s="440"/>
      <c r="W187" s="440"/>
      <c r="X187" s="440"/>
      <c r="Y187" s="440"/>
      <c r="Z187" s="539" t="s">
        <v>205</v>
      </c>
      <c r="AA187" s="539"/>
      <c r="AB187" s="539"/>
      <c r="AC187" s="539"/>
      <c r="AD187" s="539"/>
      <c r="AE187" s="539"/>
      <c r="AF187" s="539"/>
      <c r="AG187" s="540"/>
    </row>
    <row r="188" spans="1:34" ht="15.95" customHeight="1">
      <c r="A188" s="411" t="s">
        <v>154</v>
      </c>
      <c r="B188" s="336"/>
      <c r="C188" s="336"/>
      <c r="D188" s="336"/>
      <c r="E188" s="336"/>
      <c r="F188" s="336"/>
      <c r="G188" s="336"/>
      <c r="H188" s="336"/>
      <c r="I188" s="412"/>
      <c r="J188" s="416">
        <v>5</v>
      </c>
      <c r="K188" s="416"/>
      <c r="L188" s="416"/>
      <c r="M188" s="416"/>
      <c r="N188" s="416"/>
      <c r="O188" s="416"/>
      <c r="P188" s="416"/>
      <c r="Q188" s="416"/>
      <c r="R188" s="440" t="s">
        <v>205</v>
      </c>
      <c r="S188" s="440"/>
      <c r="T188" s="440"/>
      <c r="U188" s="440"/>
      <c r="V188" s="440"/>
      <c r="W188" s="440"/>
      <c r="X188" s="440"/>
      <c r="Y188" s="440"/>
      <c r="Z188" s="539">
        <v>1</v>
      </c>
      <c r="AA188" s="539"/>
      <c r="AB188" s="539"/>
      <c r="AC188" s="539"/>
      <c r="AD188" s="539"/>
      <c r="AE188" s="539"/>
      <c r="AF188" s="539"/>
      <c r="AG188" s="540"/>
    </row>
    <row r="189" spans="1:34" ht="15.95" customHeight="1">
      <c r="A189" s="411" t="s">
        <v>155</v>
      </c>
      <c r="B189" s="336"/>
      <c r="C189" s="336"/>
      <c r="D189" s="336"/>
      <c r="E189" s="336"/>
      <c r="F189" s="336"/>
      <c r="G189" s="336"/>
      <c r="H189" s="336"/>
      <c r="I189" s="412"/>
      <c r="J189" s="416">
        <v>6</v>
      </c>
      <c r="K189" s="416"/>
      <c r="L189" s="416"/>
      <c r="M189" s="416"/>
      <c r="N189" s="416"/>
      <c r="O189" s="416"/>
      <c r="P189" s="416"/>
      <c r="Q189" s="416"/>
      <c r="R189" s="440">
        <v>4</v>
      </c>
      <c r="S189" s="440"/>
      <c r="T189" s="440"/>
      <c r="U189" s="440"/>
      <c r="V189" s="440"/>
      <c r="W189" s="440"/>
      <c r="X189" s="440"/>
      <c r="Y189" s="440"/>
      <c r="Z189" s="539">
        <v>1</v>
      </c>
      <c r="AA189" s="539"/>
      <c r="AB189" s="539"/>
      <c r="AC189" s="539"/>
      <c r="AD189" s="539"/>
      <c r="AE189" s="539"/>
      <c r="AF189" s="539"/>
      <c r="AG189" s="540"/>
    </row>
    <row r="190" spans="1:34" ht="15.95" customHeight="1">
      <c r="A190" s="411" t="s">
        <v>156</v>
      </c>
      <c r="B190" s="336"/>
      <c r="C190" s="336"/>
      <c r="D190" s="336"/>
      <c r="E190" s="336"/>
      <c r="F190" s="336"/>
      <c r="G190" s="336"/>
      <c r="H190" s="336"/>
      <c r="I190" s="412"/>
      <c r="J190" s="416" t="s">
        <v>205</v>
      </c>
      <c r="K190" s="416"/>
      <c r="L190" s="416"/>
      <c r="M190" s="416"/>
      <c r="N190" s="416"/>
      <c r="O190" s="416"/>
      <c r="P190" s="416"/>
      <c r="Q190" s="416"/>
      <c r="R190" s="440" t="s">
        <v>205</v>
      </c>
      <c r="S190" s="440"/>
      <c r="T190" s="440"/>
      <c r="U190" s="440"/>
      <c r="V190" s="440"/>
      <c r="W190" s="440"/>
      <c r="X190" s="440"/>
      <c r="Y190" s="440"/>
      <c r="Z190" s="539" t="s">
        <v>205</v>
      </c>
      <c r="AA190" s="539"/>
      <c r="AB190" s="539"/>
      <c r="AC190" s="539"/>
      <c r="AD190" s="539"/>
      <c r="AE190" s="539"/>
      <c r="AF190" s="539"/>
      <c r="AG190" s="540"/>
    </row>
    <row r="191" spans="1:34" ht="15.95" customHeight="1">
      <c r="A191" s="411" t="s">
        <v>258</v>
      </c>
      <c r="B191" s="336"/>
      <c r="C191" s="336"/>
      <c r="D191" s="336"/>
      <c r="E191" s="336"/>
      <c r="F191" s="336"/>
      <c r="G191" s="336"/>
      <c r="H191" s="336"/>
      <c r="I191" s="412"/>
      <c r="J191" s="416">
        <v>8</v>
      </c>
      <c r="K191" s="416"/>
      <c r="L191" s="416"/>
      <c r="M191" s="416"/>
      <c r="N191" s="416"/>
      <c r="O191" s="416"/>
      <c r="P191" s="416"/>
      <c r="Q191" s="416"/>
      <c r="R191" s="440">
        <v>5</v>
      </c>
      <c r="S191" s="440"/>
      <c r="T191" s="440"/>
      <c r="U191" s="440"/>
      <c r="V191" s="440"/>
      <c r="W191" s="440"/>
      <c r="X191" s="440"/>
      <c r="Y191" s="440"/>
      <c r="Z191" s="539">
        <v>14</v>
      </c>
      <c r="AA191" s="539"/>
      <c r="AB191" s="539"/>
      <c r="AC191" s="539"/>
      <c r="AD191" s="539"/>
      <c r="AE191" s="539"/>
      <c r="AF191" s="539"/>
      <c r="AG191" s="540"/>
    </row>
    <row r="192" spans="1:34" ht="15.95" customHeight="1">
      <c r="A192" s="411" t="s">
        <v>157</v>
      </c>
      <c r="B192" s="336"/>
      <c r="C192" s="336"/>
      <c r="D192" s="336"/>
      <c r="E192" s="336"/>
      <c r="F192" s="336"/>
      <c r="G192" s="336"/>
      <c r="H192" s="336"/>
      <c r="I192" s="412"/>
      <c r="J192" s="416" t="s">
        <v>205</v>
      </c>
      <c r="K192" s="416"/>
      <c r="L192" s="416"/>
      <c r="M192" s="416"/>
      <c r="N192" s="416"/>
      <c r="O192" s="416"/>
      <c r="P192" s="416"/>
      <c r="Q192" s="416"/>
      <c r="R192" s="440">
        <v>2</v>
      </c>
      <c r="S192" s="440"/>
      <c r="T192" s="440"/>
      <c r="U192" s="440"/>
      <c r="V192" s="440"/>
      <c r="W192" s="440"/>
      <c r="X192" s="440"/>
      <c r="Y192" s="440"/>
      <c r="Z192" s="539">
        <v>2</v>
      </c>
      <c r="AA192" s="539"/>
      <c r="AB192" s="539"/>
      <c r="AC192" s="539"/>
      <c r="AD192" s="539"/>
      <c r="AE192" s="539"/>
      <c r="AF192" s="539"/>
      <c r="AG192" s="540"/>
    </row>
    <row r="193" spans="1:33" ht="15.95" customHeight="1">
      <c r="A193" s="411" t="s">
        <v>158</v>
      </c>
      <c r="B193" s="336"/>
      <c r="C193" s="336"/>
      <c r="D193" s="336"/>
      <c r="E193" s="336"/>
      <c r="F193" s="336"/>
      <c r="G193" s="336"/>
      <c r="H193" s="336"/>
      <c r="I193" s="412"/>
      <c r="J193" s="416">
        <v>3</v>
      </c>
      <c r="K193" s="416"/>
      <c r="L193" s="416"/>
      <c r="M193" s="416"/>
      <c r="N193" s="416"/>
      <c r="O193" s="416"/>
      <c r="P193" s="416"/>
      <c r="Q193" s="416"/>
      <c r="R193" s="440">
        <v>1</v>
      </c>
      <c r="S193" s="440"/>
      <c r="T193" s="440"/>
      <c r="U193" s="440"/>
      <c r="V193" s="440"/>
      <c r="W193" s="440"/>
      <c r="X193" s="440"/>
      <c r="Y193" s="440"/>
      <c r="Z193" s="539">
        <v>2</v>
      </c>
      <c r="AA193" s="539"/>
      <c r="AB193" s="539"/>
      <c r="AC193" s="539"/>
      <c r="AD193" s="539"/>
      <c r="AE193" s="539"/>
      <c r="AF193" s="539"/>
      <c r="AG193" s="540"/>
    </row>
    <row r="194" spans="1:33" ht="15.95" customHeight="1">
      <c r="A194" s="411" t="s">
        <v>159</v>
      </c>
      <c r="B194" s="336"/>
      <c r="C194" s="336"/>
      <c r="D194" s="336"/>
      <c r="E194" s="336"/>
      <c r="F194" s="336"/>
      <c r="G194" s="336"/>
      <c r="H194" s="336"/>
      <c r="I194" s="412"/>
      <c r="J194" s="416" t="s">
        <v>205</v>
      </c>
      <c r="K194" s="416"/>
      <c r="L194" s="416"/>
      <c r="M194" s="416"/>
      <c r="N194" s="416"/>
      <c r="O194" s="416"/>
      <c r="P194" s="416"/>
      <c r="Q194" s="416"/>
      <c r="R194" s="440" t="s">
        <v>205</v>
      </c>
      <c r="S194" s="440"/>
      <c r="T194" s="440"/>
      <c r="U194" s="440"/>
      <c r="V194" s="440"/>
      <c r="W194" s="440"/>
      <c r="X194" s="440"/>
      <c r="Y194" s="440"/>
      <c r="Z194" s="539" t="s">
        <v>205</v>
      </c>
      <c r="AA194" s="539"/>
      <c r="AB194" s="539"/>
      <c r="AC194" s="539"/>
      <c r="AD194" s="539"/>
      <c r="AE194" s="539"/>
      <c r="AF194" s="539"/>
      <c r="AG194" s="540"/>
    </row>
    <row r="195" spans="1:33" ht="15.95" customHeight="1">
      <c r="A195" s="411" t="s">
        <v>160</v>
      </c>
      <c r="B195" s="336"/>
      <c r="C195" s="336"/>
      <c r="D195" s="336"/>
      <c r="E195" s="336"/>
      <c r="F195" s="336"/>
      <c r="G195" s="336"/>
      <c r="H195" s="336"/>
      <c r="I195" s="412"/>
      <c r="J195" s="416">
        <v>4</v>
      </c>
      <c r="K195" s="416"/>
      <c r="L195" s="416"/>
      <c r="M195" s="416"/>
      <c r="N195" s="416"/>
      <c r="O195" s="416"/>
      <c r="P195" s="416"/>
      <c r="Q195" s="416"/>
      <c r="R195" s="440">
        <v>1</v>
      </c>
      <c r="S195" s="440"/>
      <c r="T195" s="440"/>
      <c r="U195" s="440"/>
      <c r="V195" s="440"/>
      <c r="W195" s="440"/>
      <c r="X195" s="440"/>
      <c r="Y195" s="440"/>
      <c r="Z195" s="539">
        <v>1</v>
      </c>
      <c r="AA195" s="539"/>
      <c r="AB195" s="539"/>
      <c r="AC195" s="539"/>
      <c r="AD195" s="539"/>
      <c r="AE195" s="539"/>
      <c r="AF195" s="539"/>
      <c r="AG195" s="540"/>
    </row>
    <row r="196" spans="1:33" ht="15.95" customHeight="1">
      <c r="A196" s="411" t="s">
        <v>161</v>
      </c>
      <c r="B196" s="336"/>
      <c r="C196" s="336"/>
      <c r="D196" s="336"/>
      <c r="E196" s="336"/>
      <c r="F196" s="336"/>
      <c r="G196" s="336"/>
      <c r="H196" s="336"/>
      <c r="I196" s="412"/>
      <c r="J196" s="416" t="s">
        <v>205</v>
      </c>
      <c r="K196" s="416"/>
      <c r="L196" s="416"/>
      <c r="M196" s="416"/>
      <c r="N196" s="416"/>
      <c r="O196" s="416"/>
      <c r="P196" s="416"/>
      <c r="Q196" s="416"/>
      <c r="R196" s="440" t="s">
        <v>205</v>
      </c>
      <c r="S196" s="440"/>
      <c r="T196" s="440"/>
      <c r="U196" s="440"/>
      <c r="V196" s="440"/>
      <c r="W196" s="440"/>
      <c r="X196" s="440"/>
      <c r="Y196" s="440"/>
      <c r="Z196" s="539" t="s">
        <v>205</v>
      </c>
      <c r="AA196" s="539"/>
      <c r="AB196" s="539"/>
      <c r="AC196" s="539"/>
      <c r="AD196" s="539"/>
      <c r="AE196" s="539"/>
      <c r="AF196" s="539"/>
      <c r="AG196" s="540"/>
    </row>
    <row r="197" spans="1:33" ht="15.95" customHeight="1">
      <c r="A197" s="411" t="s">
        <v>162</v>
      </c>
      <c r="B197" s="336"/>
      <c r="C197" s="336"/>
      <c r="D197" s="336"/>
      <c r="E197" s="336"/>
      <c r="F197" s="336"/>
      <c r="G197" s="336"/>
      <c r="H197" s="336"/>
      <c r="I197" s="412"/>
      <c r="J197" s="416" t="s">
        <v>205</v>
      </c>
      <c r="K197" s="416"/>
      <c r="L197" s="416"/>
      <c r="M197" s="416"/>
      <c r="N197" s="416"/>
      <c r="O197" s="416"/>
      <c r="P197" s="416"/>
      <c r="Q197" s="416"/>
      <c r="R197" s="440" t="s">
        <v>205</v>
      </c>
      <c r="S197" s="440"/>
      <c r="T197" s="440"/>
      <c r="U197" s="440"/>
      <c r="V197" s="440"/>
      <c r="W197" s="440"/>
      <c r="X197" s="440"/>
      <c r="Y197" s="440"/>
      <c r="Z197" s="539" t="s">
        <v>205</v>
      </c>
      <c r="AA197" s="539"/>
      <c r="AB197" s="539"/>
      <c r="AC197" s="539"/>
      <c r="AD197" s="539"/>
      <c r="AE197" s="539"/>
      <c r="AF197" s="539"/>
      <c r="AG197" s="540"/>
    </row>
    <row r="198" spans="1:33" ht="15.95" customHeight="1">
      <c r="A198" s="411" t="s">
        <v>163</v>
      </c>
      <c r="B198" s="336"/>
      <c r="C198" s="336"/>
      <c r="D198" s="336"/>
      <c r="E198" s="336"/>
      <c r="F198" s="336"/>
      <c r="G198" s="336"/>
      <c r="H198" s="336"/>
      <c r="I198" s="412"/>
      <c r="J198" s="416" t="s">
        <v>205</v>
      </c>
      <c r="K198" s="416"/>
      <c r="L198" s="416"/>
      <c r="M198" s="416"/>
      <c r="N198" s="416"/>
      <c r="O198" s="416"/>
      <c r="P198" s="416"/>
      <c r="Q198" s="416"/>
      <c r="R198" s="440" t="s">
        <v>205</v>
      </c>
      <c r="S198" s="440"/>
      <c r="T198" s="440"/>
      <c r="U198" s="440"/>
      <c r="V198" s="440"/>
      <c r="W198" s="440"/>
      <c r="X198" s="440"/>
      <c r="Y198" s="440"/>
      <c r="Z198" s="539" t="s">
        <v>205</v>
      </c>
      <c r="AA198" s="539"/>
      <c r="AB198" s="539"/>
      <c r="AC198" s="539"/>
      <c r="AD198" s="539"/>
      <c r="AE198" s="539"/>
      <c r="AF198" s="539"/>
      <c r="AG198" s="540"/>
    </row>
    <row r="199" spans="1:33" ht="15.95" customHeight="1">
      <c r="A199" s="411" t="s">
        <v>285</v>
      </c>
      <c r="B199" s="336"/>
      <c r="C199" s="336"/>
      <c r="D199" s="336"/>
      <c r="E199" s="336"/>
      <c r="F199" s="336"/>
      <c r="G199" s="336"/>
      <c r="H199" s="336"/>
      <c r="I199" s="412"/>
      <c r="J199" s="416">
        <v>4</v>
      </c>
      <c r="K199" s="416"/>
      <c r="L199" s="416"/>
      <c r="M199" s="416"/>
      <c r="N199" s="416"/>
      <c r="O199" s="416"/>
      <c r="P199" s="416"/>
      <c r="Q199" s="416"/>
      <c r="R199" s="440">
        <v>3</v>
      </c>
      <c r="S199" s="440"/>
      <c r="T199" s="440"/>
      <c r="U199" s="440"/>
      <c r="V199" s="440"/>
      <c r="W199" s="440"/>
      <c r="X199" s="440"/>
      <c r="Y199" s="440"/>
      <c r="Z199" s="539">
        <v>4</v>
      </c>
      <c r="AA199" s="539"/>
      <c r="AB199" s="539"/>
      <c r="AC199" s="539"/>
      <c r="AD199" s="539"/>
      <c r="AE199" s="539"/>
      <c r="AF199" s="539"/>
      <c r="AG199" s="540"/>
    </row>
    <row r="200" spans="1:33" ht="15.95" customHeight="1">
      <c r="A200" s="411" t="s">
        <v>164</v>
      </c>
      <c r="B200" s="336"/>
      <c r="C200" s="336"/>
      <c r="D200" s="336"/>
      <c r="E200" s="336"/>
      <c r="F200" s="336"/>
      <c r="G200" s="336"/>
      <c r="H200" s="336"/>
      <c r="I200" s="412"/>
      <c r="J200" s="416">
        <v>5</v>
      </c>
      <c r="K200" s="416"/>
      <c r="L200" s="416"/>
      <c r="M200" s="416"/>
      <c r="N200" s="416"/>
      <c r="O200" s="416"/>
      <c r="P200" s="416"/>
      <c r="Q200" s="416"/>
      <c r="R200" s="440">
        <v>3</v>
      </c>
      <c r="S200" s="440"/>
      <c r="T200" s="440"/>
      <c r="U200" s="440"/>
      <c r="V200" s="440"/>
      <c r="W200" s="440"/>
      <c r="X200" s="440"/>
      <c r="Y200" s="440"/>
      <c r="Z200" s="539">
        <v>5</v>
      </c>
      <c r="AA200" s="539"/>
      <c r="AB200" s="539"/>
      <c r="AC200" s="539"/>
      <c r="AD200" s="539"/>
      <c r="AE200" s="539"/>
      <c r="AF200" s="539"/>
      <c r="AG200" s="540"/>
    </row>
    <row r="201" spans="1:33" ht="15.95" customHeight="1">
      <c r="A201" s="411" t="s">
        <v>302</v>
      </c>
      <c r="B201" s="336"/>
      <c r="C201" s="336"/>
      <c r="D201" s="336"/>
      <c r="E201" s="336"/>
      <c r="F201" s="336"/>
      <c r="G201" s="336"/>
      <c r="H201" s="336"/>
      <c r="I201" s="412"/>
      <c r="J201" s="416">
        <v>10</v>
      </c>
      <c r="K201" s="416"/>
      <c r="L201" s="416"/>
      <c r="M201" s="416"/>
      <c r="N201" s="416"/>
      <c r="O201" s="416"/>
      <c r="P201" s="416"/>
      <c r="Q201" s="416"/>
      <c r="R201" s="440">
        <v>6</v>
      </c>
      <c r="S201" s="440"/>
      <c r="T201" s="440"/>
      <c r="U201" s="440"/>
      <c r="V201" s="440"/>
      <c r="W201" s="440"/>
      <c r="X201" s="440"/>
      <c r="Y201" s="440"/>
      <c r="Z201" s="539">
        <v>10</v>
      </c>
      <c r="AA201" s="539"/>
      <c r="AB201" s="539"/>
      <c r="AC201" s="539"/>
      <c r="AD201" s="539"/>
      <c r="AE201" s="539"/>
      <c r="AF201" s="539"/>
      <c r="AG201" s="540"/>
    </row>
    <row r="202" spans="1:33" ht="15.95" customHeight="1">
      <c r="A202" s="411" t="s">
        <v>259</v>
      </c>
      <c r="B202" s="336"/>
      <c r="C202" s="336"/>
      <c r="D202" s="336"/>
      <c r="E202" s="336"/>
      <c r="F202" s="336"/>
      <c r="G202" s="336"/>
      <c r="H202" s="336"/>
      <c r="I202" s="412"/>
      <c r="J202" s="416">
        <v>4</v>
      </c>
      <c r="K202" s="416"/>
      <c r="L202" s="416"/>
      <c r="M202" s="416"/>
      <c r="N202" s="416"/>
      <c r="O202" s="416"/>
      <c r="P202" s="416"/>
      <c r="Q202" s="416"/>
      <c r="R202" s="440">
        <v>1</v>
      </c>
      <c r="S202" s="440"/>
      <c r="T202" s="440"/>
      <c r="U202" s="440"/>
      <c r="V202" s="440"/>
      <c r="W202" s="440"/>
      <c r="X202" s="440"/>
      <c r="Y202" s="440"/>
      <c r="Z202" s="539">
        <v>1</v>
      </c>
      <c r="AA202" s="539"/>
      <c r="AB202" s="539"/>
      <c r="AC202" s="539"/>
      <c r="AD202" s="539"/>
      <c r="AE202" s="539"/>
      <c r="AF202" s="539"/>
      <c r="AG202" s="540"/>
    </row>
    <row r="203" spans="1:33" ht="15.95" customHeight="1">
      <c r="A203" s="564" t="s">
        <v>260</v>
      </c>
      <c r="B203" s="565"/>
      <c r="C203" s="565"/>
      <c r="D203" s="565"/>
      <c r="E203" s="565"/>
      <c r="F203" s="565"/>
      <c r="G203" s="565"/>
      <c r="H203" s="565"/>
      <c r="I203" s="566"/>
      <c r="J203" s="416" t="s">
        <v>205</v>
      </c>
      <c r="K203" s="416"/>
      <c r="L203" s="416"/>
      <c r="M203" s="416"/>
      <c r="N203" s="416"/>
      <c r="O203" s="416"/>
      <c r="P203" s="416"/>
      <c r="Q203" s="416"/>
      <c r="R203" s="440" t="s">
        <v>205</v>
      </c>
      <c r="S203" s="440"/>
      <c r="T203" s="440"/>
      <c r="U203" s="440"/>
      <c r="V203" s="440"/>
      <c r="W203" s="440"/>
      <c r="X203" s="440"/>
      <c r="Y203" s="440"/>
      <c r="Z203" s="539" t="s">
        <v>205</v>
      </c>
      <c r="AA203" s="539"/>
      <c r="AB203" s="539"/>
      <c r="AC203" s="539"/>
      <c r="AD203" s="539"/>
      <c r="AE203" s="539"/>
      <c r="AF203" s="539"/>
      <c r="AG203" s="540"/>
    </row>
    <row r="204" spans="1:33" ht="15.95" customHeight="1">
      <c r="A204" s="411" t="s">
        <v>165</v>
      </c>
      <c r="B204" s="336"/>
      <c r="C204" s="336"/>
      <c r="D204" s="336"/>
      <c r="E204" s="336"/>
      <c r="F204" s="336"/>
      <c r="G204" s="336"/>
      <c r="H204" s="336"/>
      <c r="I204" s="412"/>
      <c r="J204" s="416" t="s">
        <v>205</v>
      </c>
      <c r="K204" s="416"/>
      <c r="L204" s="416"/>
      <c r="M204" s="416"/>
      <c r="N204" s="416"/>
      <c r="O204" s="416"/>
      <c r="P204" s="416"/>
      <c r="Q204" s="416"/>
      <c r="R204" s="440" t="s">
        <v>205</v>
      </c>
      <c r="S204" s="440"/>
      <c r="T204" s="440"/>
      <c r="U204" s="440"/>
      <c r="V204" s="440"/>
      <c r="W204" s="440"/>
      <c r="X204" s="440"/>
      <c r="Y204" s="440"/>
      <c r="Z204" s="539" t="s">
        <v>205</v>
      </c>
      <c r="AA204" s="539"/>
      <c r="AB204" s="539"/>
      <c r="AC204" s="539"/>
      <c r="AD204" s="539"/>
      <c r="AE204" s="539"/>
      <c r="AF204" s="539"/>
      <c r="AG204" s="540"/>
    </row>
    <row r="205" spans="1:33" ht="15.95" customHeight="1">
      <c r="A205" s="411" t="s">
        <v>166</v>
      </c>
      <c r="B205" s="336"/>
      <c r="C205" s="336"/>
      <c r="D205" s="336"/>
      <c r="E205" s="336"/>
      <c r="F205" s="336"/>
      <c r="G205" s="336"/>
      <c r="H205" s="336"/>
      <c r="I205" s="412"/>
      <c r="J205" s="416">
        <v>6</v>
      </c>
      <c r="K205" s="416"/>
      <c r="L205" s="416"/>
      <c r="M205" s="416"/>
      <c r="N205" s="416"/>
      <c r="O205" s="416"/>
      <c r="P205" s="416"/>
      <c r="Q205" s="416"/>
      <c r="R205" s="440">
        <v>4</v>
      </c>
      <c r="S205" s="440"/>
      <c r="T205" s="440"/>
      <c r="U205" s="440"/>
      <c r="V205" s="440"/>
      <c r="W205" s="440"/>
      <c r="X205" s="440"/>
      <c r="Y205" s="440"/>
      <c r="Z205" s="539">
        <v>7</v>
      </c>
      <c r="AA205" s="539"/>
      <c r="AB205" s="539"/>
      <c r="AC205" s="539"/>
      <c r="AD205" s="539"/>
      <c r="AE205" s="539"/>
      <c r="AF205" s="539"/>
      <c r="AG205" s="540"/>
    </row>
    <row r="206" spans="1:33" ht="15.95" customHeight="1">
      <c r="A206" s="581" t="s">
        <v>167</v>
      </c>
      <c r="B206" s="582"/>
      <c r="C206" s="582"/>
      <c r="D206" s="582"/>
      <c r="E206" s="582"/>
      <c r="F206" s="582"/>
      <c r="G206" s="582"/>
      <c r="H206" s="582"/>
      <c r="I206" s="583"/>
      <c r="J206" s="541">
        <v>4</v>
      </c>
      <c r="K206" s="541"/>
      <c r="L206" s="541"/>
      <c r="M206" s="541"/>
      <c r="N206" s="541"/>
      <c r="O206" s="541"/>
      <c r="P206" s="541"/>
      <c r="Q206" s="541"/>
      <c r="R206" s="578">
        <v>5</v>
      </c>
      <c r="S206" s="578"/>
      <c r="T206" s="578"/>
      <c r="U206" s="578"/>
      <c r="V206" s="578"/>
      <c r="W206" s="578"/>
      <c r="X206" s="578"/>
      <c r="Y206" s="578"/>
      <c r="Z206" s="584">
        <v>2</v>
      </c>
      <c r="AA206" s="584"/>
      <c r="AB206" s="584"/>
      <c r="AC206" s="584"/>
      <c r="AD206" s="584"/>
      <c r="AE206" s="584"/>
      <c r="AF206" s="584"/>
      <c r="AG206" s="585"/>
    </row>
    <row r="207" spans="1:33" ht="13.5" customHeight="1">
      <c r="A207" s="76"/>
      <c r="B207" s="76"/>
      <c r="C207" s="76"/>
      <c r="D207" s="76"/>
      <c r="E207" s="76"/>
      <c r="F207" s="76"/>
      <c r="G207" s="76"/>
      <c r="H207" s="76"/>
      <c r="I207" s="76"/>
      <c r="J207" s="76"/>
      <c r="K207" s="76"/>
      <c r="L207" s="76"/>
      <c r="M207" s="76"/>
      <c r="N207" s="76"/>
      <c r="O207" s="76"/>
      <c r="P207" s="76"/>
      <c r="Q207" s="76"/>
      <c r="R207" s="76"/>
      <c r="S207" s="76"/>
      <c r="T207" s="76"/>
      <c r="U207" s="76"/>
      <c r="V207" s="76"/>
      <c r="W207" s="76"/>
      <c r="X207" s="76"/>
      <c r="Y207" s="76"/>
      <c r="Z207" s="76"/>
      <c r="AA207" s="76"/>
      <c r="AB207" s="76"/>
      <c r="AC207" s="77"/>
      <c r="AD207" s="77"/>
      <c r="AE207" s="77"/>
      <c r="AF207" s="77"/>
      <c r="AG207" s="77" t="s">
        <v>84</v>
      </c>
    </row>
    <row r="208" spans="1:33" ht="15.95" customHeight="1">
      <c r="AB208" s="9"/>
      <c r="AC208" s="9"/>
      <c r="AD208" s="9"/>
      <c r="AE208" s="9"/>
      <c r="AF208" s="9"/>
      <c r="AG208" s="9"/>
    </row>
    <row r="209" spans="1:33" s="1" customFormat="1" ht="20.100000000000001" customHeight="1">
      <c r="A209" s="1" t="s">
        <v>269</v>
      </c>
    </row>
    <row r="210" spans="1:33" ht="15.95" customHeight="1">
      <c r="B210" s="2" t="s">
        <v>85</v>
      </c>
      <c r="AG210" s="10" t="s">
        <v>86</v>
      </c>
    </row>
    <row r="211" spans="1:33" ht="20.100000000000001" customHeight="1">
      <c r="A211" s="358" t="s">
        <v>261</v>
      </c>
      <c r="B211" s="359"/>
      <c r="C211" s="359"/>
      <c r="D211" s="359"/>
      <c r="E211" s="359"/>
      <c r="F211" s="360"/>
      <c r="G211" s="427">
        <v>5</v>
      </c>
      <c r="H211" s="428"/>
      <c r="I211" s="428"/>
      <c r="J211" s="428"/>
      <c r="K211" s="428"/>
      <c r="L211" s="428"/>
      <c r="M211" s="428"/>
      <c r="N211" s="428"/>
      <c r="O211" s="429"/>
      <c r="P211" s="427">
        <v>6</v>
      </c>
      <c r="Q211" s="428"/>
      <c r="R211" s="428"/>
      <c r="S211" s="428"/>
      <c r="T211" s="428"/>
      <c r="U211" s="428"/>
      <c r="V211" s="428"/>
      <c r="W211" s="428"/>
      <c r="X211" s="428"/>
      <c r="Y211" s="567">
        <v>7</v>
      </c>
      <c r="Z211" s="568"/>
      <c r="AA211" s="568"/>
      <c r="AB211" s="568"/>
      <c r="AC211" s="568"/>
      <c r="AD211" s="568"/>
      <c r="AE211" s="568"/>
      <c r="AF211" s="568"/>
      <c r="AG211" s="569"/>
    </row>
    <row r="212" spans="1:33" ht="15.95" customHeight="1">
      <c r="A212" s="365" t="s">
        <v>168</v>
      </c>
      <c r="B212" s="366"/>
      <c r="C212" s="366"/>
      <c r="D212" s="366"/>
      <c r="E212" s="366"/>
      <c r="F212" s="367"/>
      <c r="G212" s="158" t="s">
        <v>169</v>
      </c>
      <c r="H212" s="159"/>
      <c r="I212" s="159"/>
      <c r="J212" s="160"/>
      <c r="K212" s="158" t="s">
        <v>170</v>
      </c>
      <c r="L212" s="159"/>
      <c r="M212" s="159"/>
      <c r="N212" s="159"/>
      <c r="O212" s="160"/>
      <c r="P212" s="158" t="s">
        <v>169</v>
      </c>
      <c r="Q212" s="159"/>
      <c r="R212" s="159"/>
      <c r="S212" s="160"/>
      <c r="T212" s="158" t="s">
        <v>170</v>
      </c>
      <c r="U212" s="159"/>
      <c r="V212" s="159"/>
      <c r="W212" s="159"/>
      <c r="X212" s="160"/>
      <c r="Y212" s="562" t="s">
        <v>169</v>
      </c>
      <c r="Z212" s="562"/>
      <c r="AA212" s="562"/>
      <c r="AB212" s="563"/>
      <c r="AC212" s="579" t="s">
        <v>170</v>
      </c>
      <c r="AD212" s="562"/>
      <c r="AE212" s="562"/>
      <c r="AF212" s="562"/>
      <c r="AG212" s="580"/>
    </row>
    <row r="213" spans="1:33" ht="18.75" customHeight="1">
      <c r="A213" s="430" t="s">
        <v>171</v>
      </c>
      <c r="B213" s="431"/>
      <c r="C213" s="431"/>
      <c r="D213" s="431"/>
      <c r="E213" s="431"/>
      <c r="F213" s="432"/>
      <c r="G213" s="433">
        <v>28435</v>
      </c>
      <c r="H213" s="433"/>
      <c r="I213" s="433"/>
      <c r="J213" s="433"/>
      <c r="K213" s="545">
        <v>4424168</v>
      </c>
      <c r="L213" s="545"/>
      <c r="M213" s="545"/>
      <c r="N213" s="545"/>
      <c r="O213" s="545"/>
      <c r="P213" s="433">
        <v>28735</v>
      </c>
      <c r="Q213" s="433"/>
      <c r="R213" s="433"/>
      <c r="S213" s="433"/>
      <c r="T213" s="545">
        <v>4489029</v>
      </c>
      <c r="U213" s="545"/>
      <c r="V213" s="545"/>
      <c r="W213" s="545"/>
      <c r="X213" s="545"/>
      <c r="Y213" s="546">
        <v>28996</v>
      </c>
      <c r="Z213" s="546"/>
      <c r="AA213" s="546"/>
      <c r="AB213" s="546"/>
      <c r="AC213" s="542">
        <v>4517216</v>
      </c>
      <c r="AD213" s="542"/>
      <c r="AE213" s="542"/>
      <c r="AF213" s="542"/>
      <c r="AG213" s="543"/>
    </row>
    <row r="214" spans="1:33" ht="18.75" customHeight="1">
      <c r="A214" s="132" t="s">
        <v>172</v>
      </c>
      <c r="B214" s="164"/>
      <c r="C214" s="164"/>
      <c r="D214" s="164"/>
      <c r="E214" s="164"/>
      <c r="F214" s="166"/>
      <c r="G214" s="91">
        <v>19274</v>
      </c>
      <c r="H214" s="91"/>
      <c r="I214" s="91"/>
      <c r="J214" s="91"/>
      <c r="K214" s="136">
        <v>1996610</v>
      </c>
      <c r="L214" s="136"/>
      <c r="M214" s="136"/>
      <c r="N214" s="136"/>
      <c r="O214" s="136"/>
      <c r="P214" s="91">
        <v>19511</v>
      </c>
      <c r="Q214" s="91"/>
      <c r="R214" s="91"/>
      <c r="S214" s="91"/>
      <c r="T214" s="136">
        <v>2026589</v>
      </c>
      <c r="U214" s="136"/>
      <c r="V214" s="136"/>
      <c r="W214" s="136"/>
      <c r="X214" s="136"/>
      <c r="Y214" s="282">
        <v>19741</v>
      </c>
      <c r="Z214" s="282"/>
      <c r="AA214" s="282"/>
      <c r="AB214" s="282"/>
      <c r="AC214" s="386">
        <v>2052930</v>
      </c>
      <c r="AD214" s="386"/>
      <c r="AE214" s="386"/>
      <c r="AF214" s="386"/>
      <c r="AG214" s="544"/>
    </row>
    <row r="215" spans="1:33" ht="18.75" customHeight="1">
      <c r="A215" s="423" t="s">
        <v>173</v>
      </c>
      <c r="B215" s="424"/>
      <c r="C215" s="424"/>
      <c r="D215" s="424"/>
      <c r="E215" s="424"/>
      <c r="F215" s="425"/>
      <c r="G215" s="91">
        <v>16369</v>
      </c>
      <c r="H215" s="91"/>
      <c r="I215" s="91"/>
      <c r="J215" s="91"/>
      <c r="K215" s="136">
        <v>1889121</v>
      </c>
      <c r="L215" s="136"/>
      <c r="M215" s="136"/>
      <c r="N215" s="136"/>
      <c r="O215" s="136"/>
      <c r="P215" s="167">
        <v>16602</v>
      </c>
      <c r="Q215" s="167"/>
      <c r="R215" s="167"/>
      <c r="S215" s="167"/>
      <c r="T215" s="137">
        <v>1917964</v>
      </c>
      <c r="U215" s="137"/>
      <c r="V215" s="137"/>
      <c r="W215" s="137"/>
      <c r="X215" s="137"/>
      <c r="Y215" s="453">
        <v>16802</v>
      </c>
      <c r="Z215" s="453"/>
      <c r="AA215" s="453"/>
      <c r="AB215" s="453"/>
      <c r="AC215" s="138">
        <v>1942816</v>
      </c>
      <c r="AD215" s="138"/>
      <c r="AE215" s="138"/>
      <c r="AF215" s="138"/>
      <c r="AG215" s="547"/>
    </row>
    <row r="216" spans="1:33" ht="18.75" customHeight="1">
      <c r="A216" s="423" t="s">
        <v>174</v>
      </c>
      <c r="B216" s="424"/>
      <c r="C216" s="424"/>
      <c r="D216" s="424"/>
      <c r="E216" s="424"/>
      <c r="F216" s="425"/>
      <c r="G216" s="91">
        <v>176</v>
      </c>
      <c r="H216" s="91"/>
      <c r="I216" s="91"/>
      <c r="J216" s="91"/>
      <c r="K216" s="136">
        <v>20120</v>
      </c>
      <c r="L216" s="136"/>
      <c r="M216" s="136"/>
      <c r="N216" s="136"/>
      <c r="O216" s="136"/>
      <c r="P216" s="167">
        <v>179</v>
      </c>
      <c r="Q216" s="167"/>
      <c r="R216" s="167"/>
      <c r="S216" s="167"/>
      <c r="T216" s="137">
        <v>20764</v>
      </c>
      <c r="U216" s="137"/>
      <c r="V216" s="137"/>
      <c r="W216" s="137"/>
      <c r="X216" s="137"/>
      <c r="Y216" s="453">
        <v>190</v>
      </c>
      <c r="Z216" s="453"/>
      <c r="AA216" s="453"/>
      <c r="AB216" s="453"/>
      <c r="AC216" s="138">
        <v>21991</v>
      </c>
      <c r="AD216" s="138"/>
      <c r="AE216" s="138"/>
      <c r="AF216" s="138"/>
      <c r="AG216" s="547"/>
    </row>
    <row r="217" spans="1:33" ht="18.75" customHeight="1">
      <c r="A217" s="423" t="s">
        <v>175</v>
      </c>
      <c r="B217" s="424"/>
      <c r="C217" s="424"/>
      <c r="D217" s="424"/>
      <c r="E217" s="424"/>
      <c r="F217" s="425"/>
      <c r="G217" s="91">
        <v>616</v>
      </c>
      <c r="H217" s="91"/>
      <c r="I217" s="91"/>
      <c r="J217" s="91"/>
      <c r="K217" s="136">
        <v>30558</v>
      </c>
      <c r="L217" s="136"/>
      <c r="M217" s="136"/>
      <c r="N217" s="136"/>
      <c r="O217" s="136"/>
      <c r="P217" s="167">
        <v>958</v>
      </c>
      <c r="Q217" s="167"/>
      <c r="R217" s="167"/>
      <c r="S217" s="167"/>
      <c r="T217" s="137">
        <v>39655</v>
      </c>
      <c r="U217" s="137"/>
      <c r="V217" s="137"/>
      <c r="W217" s="137"/>
      <c r="X217" s="137"/>
      <c r="Y217" s="453">
        <v>982</v>
      </c>
      <c r="Z217" s="453"/>
      <c r="AA217" s="453"/>
      <c r="AB217" s="453"/>
      <c r="AC217" s="138">
        <v>40236</v>
      </c>
      <c r="AD217" s="138"/>
      <c r="AE217" s="138"/>
      <c r="AF217" s="138"/>
      <c r="AG217" s="547"/>
    </row>
    <row r="218" spans="1:33" ht="18.75" customHeight="1">
      <c r="A218" s="423" t="s">
        <v>166</v>
      </c>
      <c r="B218" s="424"/>
      <c r="C218" s="424"/>
      <c r="D218" s="424"/>
      <c r="E218" s="424"/>
      <c r="F218" s="425"/>
      <c r="G218" s="91">
        <v>2113</v>
      </c>
      <c r="H218" s="91"/>
      <c r="I218" s="91"/>
      <c r="J218" s="91"/>
      <c r="K218" s="136">
        <v>56811</v>
      </c>
      <c r="L218" s="136"/>
      <c r="M218" s="136"/>
      <c r="N218" s="136"/>
      <c r="O218" s="136"/>
      <c r="P218" s="167">
        <v>1772</v>
      </c>
      <c r="Q218" s="167"/>
      <c r="R218" s="167"/>
      <c r="S218" s="167"/>
      <c r="T218" s="137">
        <v>48206</v>
      </c>
      <c r="U218" s="137"/>
      <c r="V218" s="137"/>
      <c r="W218" s="137"/>
      <c r="X218" s="137"/>
      <c r="Y218" s="453">
        <v>1767</v>
      </c>
      <c r="Z218" s="453"/>
      <c r="AA218" s="453"/>
      <c r="AB218" s="453"/>
      <c r="AC218" s="138">
        <v>47887</v>
      </c>
      <c r="AD218" s="138"/>
      <c r="AE218" s="138"/>
      <c r="AF218" s="138"/>
      <c r="AG218" s="547"/>
    </row>
    <row r="219" spans="1:33" ht="18.75" customHeight="1">
      <c r="A219" s="132" t="s">
        <v>176</v>
      </c>
      <c r="B219" s="164"/>
      <c r="C219" s="164"/>
      <c r="D219" s="164"/>
      <c r="E219" s="164"/>
      <c r="F219" s="166"/>
      <c r="G219" s="91">
        <v>9161</v>
      </c>
      <c r="H219" s="91"/>
      <c r="I219" s="91"/>
      <c r="J219" s="91"/>
      <c r="K219" s="136">
        <v>2427558</v>
      </c>
      <c r="L219" s="136"/>
      <c r="M219" s="136"/>
      <c r="N219" s="136"/>
      <c r="O219" s="136"/>
      <c r="P219" s="91">
        <v>9224</v>
      </c>
      <c r="Q219" s="91"/>
      <c r="R219" s="91"/>
      <c r="S219" s="91"/>
      <c r="T219" s="136">
        <v>2462440</v>
      </c>
      <c r="U219" s="136"/>
      <c r="V219" s="136"/>
      <c r="W219" s="136"/>
      <c r="X219" s="136"/>
      <c r="Y219" s="282">
        <v>9255</v>
      </c>
      <c r="Z219" s="282"/>
      <c r="AA219" s="282"/>
      <c r="AB219" s="282"/>
      <c r="AC219" s="386">
        <v>2464286</v>
      </c>
      <c r="AD219" s="386"/>
      <c r="AE219" s="386"/>
      <c r="AF219" s="386"/>
      <c r="AG219" s="544"/>
    </row>
    <row r="220" spans="1:33" ht="18.75" customHeight="1">
      <c r="A220" s="558" t="s">
        <v>262</v>
      </c>
      <c r="B220" s="559"/>
      <c r="C220" s="559"/>
      <c r="D220" s="559"/>
      <c r="E220" s="559"/>
      <c r="F220" s="560"/>
      <c r="G220" s="91">
        <v>5300</v>
      </c>
      <c r="H220" s="91"/>
      <c r="I220" s="91"/>
      <c r="J220" s="91"/>
      <c r="K220" s="136">
        <v>1135644</v>
      </c>
      <c r="L220" s="136"/>
      <c r="M220" s="136"/>
      <c r="N220" s="136"/>
      <c r="O220" s="136"/>
      <c r="P220" s="167">
        <v>5296</v>
      </c>
      <c r="Q220" s="167"/>
      <c r="R220" s="167"/>
      <c r="S220" s="167"/>
      <c r="T220" s="137">
        <v>1142498</v>
      </c>
      <c r="U220" s="137"/>
      <c r="V220" s="137"/>
      <c r="W220" s="137"/>
      <c r="X220" s="137"/>
      <c r="Y220" s="453">
        <v>5297</v>
      </c>
      <c r="Z220" s="453"/>
      <c r="AA220" s="453"/>
      <c r="AB220" s="453"/>
      <c r="AC220" s="138">
        <v>1142550</v>
      </c>
      <c r="AD220" s="138"/>
      <c r="AE220" s="138"/>
      <c r="AF220" s="138"/>
      <c r="AG220" s="547"/>
    </row>
    <row r="221" spans="1:33" ht="18.75" customHeight="1">
      <c r="A221" s="423" t="s">
        <v>166</v>
      </c>
      <c r="B221" s="424"/>
      <c r="C221" s="424"/>
      <c r="D221" s="424"/>
      <c r="E221" s="424"/>
      <c r="F221" s="425"/>
      <c r="G221" s="91">
        <v>3861</v>
      </c>
      <c r="H221" s="91"/>
      <c r="I221" s="91"/>
      <c r="J221" s="91"/>
      <c r="K221" s="136">
        <v>1291914</v>
      </c>
      <c r="L221" s="136"/>
      <c r="M221" s="136"/>
      <c r="N221" s="136"/>
      <c r="O221" s="136"/>
      <c r="P221" s="167">
        <v>3928</v>
      </c>
      <c r="Q221" s="167"/>
      <c r="R221" s="167"/>
      <c r="S221" s="167"/>
      <c r="T221" s="137">
        <v>1319942</v>
      </c>
      <c r="U221" s="137"/>
      <c r="V221" s="137"/>
      <c r="W221" s="137"/>
      <c r="X221" s="137"/>
      <c r="Y221" s="453">
        <v>3958</v>
      </c>
      <c r="Z221" s="453"/>
      <c r="AA221" s="453"/>
      <c r="AB221" s="453"/>
      <c r="AC221" s="138">
        <v>1321736</v>
      </c>
      <c r="AD221" s="138"/>
      <c r="AE221" s="138"/>
      <c r="AF221" s="138"/>
      <c r="AG221" s="547"/>
    </row>
    <row r="222" spans="1:33" ht="18.75" customHeight="1">
      <c r="A222" s="434" t="s">
        <v>177</v>
      </c>
      <c r="B222" s="404"/>
      <c r="C222" s="404"/>
      <c r="D222" s="404"/>
      <c r="E222" s="404"/>
      <c r="F222" s="435"/>
      <c r="G222" s="426">
        <v>606</v>
      </c>
      <c r="H222" s="426"/>
      <c r="I222" s="426"/>
      <c r="J222" s="426"/>
      <c r="K222" s="100">
        <v>19996</v>
      </c>
      <c r="L222" s="100"/>
      <c r="M222" s="100"/>
      <c r="N222" s="100"/>
      <c r="O222" s="100"/>
      <c r="P222" s="351">
        <v>575</v>
      </c>
      <c r="Q222" s="351"/>
      <c r="R222" s="351"/>
      <c r="S222" s="351"/>
      <c r="T222" s="102">
        <v>19079</v>
      </c>
      <c r="U222" s="102"/>
      <c r="V222" s="102"/>
      <c r="W222" s="102"/>
      <c r="X222" s="102"/>
      <c r="Y222" s="555">
        <v>564</v>
      </c>
      <c r="Z222" s="555"/>
      <c r="AA222" s="555"/>
      <c r="AB222" s="555"/>
      <c r="AC222" s="103">
        <v>18568</v>
      </c>
      <c r="AD222" s="103"/>
      <c r="AE222" s="103"/>
      <c r="AF222" s="103"/>
      <c r="AG222" s="561"/>
    </row>
    <row r="223" spans="1:33" ht="12.95" customHeight="1">
      <c r="AD223" s="9"/>
      <c r="AE223" s="9"/>
      <c r="AF223" s="9"/>
      <c r="AG223" s="9" t="s">
        <v>87</v>
      </c>
    </row>
    <row r="224" spans="1:33" ht="20.100000000000001" customHeight="1">
      <c r="A224" s="238" t="s">
        <v>88</v>
      </c>
      <c r="B224" s="238"/>
      <c r="C224" s="238"/>
      <c r="D224" s="238"/>
      <c r="E224" s="238"/>
      <c r="F224" s="238"/>
      <c r="G224" s="238"/>
      <c r="H224" s="238"/>
      <c r="I224" s="238"/>
      <c r="J224" s="238"/>
      <c r="K224" s="238"/>
      <c r="L224" s="238"/>
      <c r="M224" s="238"/>
      <c r="N224" s="238"/>
      <c r="O224" s="238"/>
      <c r="P224" s="238"/>
      <c r="Q224" s="238"/>
      <c r="R224" s="238"/>
      <c r="S224" s="238"/>
      <c r="T224" s="238"/>
      <c r="U224" s="238"/>
      <c r="V224" s="238"/>
      <c r="W224" s="238"/>
      <c r="X224" s="238"/>
      <c r="Y224" s="238"/>
      <c r="Z224" s="238"/>
      <c r="AA224" s="238"/>
      <c r="AB224" s="238"/>
      <c r="AC224" s="238"/>
      <c r="AD224" s="238"/>
      <c r="AE224" s="238"/>
      <c r="AF224" s="238"/>
      <c r="AG224" s="238"/>
    </row>
    <row r="225" spans="1:33" ht="15.95" customHeight="1">
      <c r="A225" s="54"/>
      <c r="B225" s="54"/>
      <c r="C225" s="54"/>
      <c r="D225" s="54"/>
      <c r="E225" s="54"/>
      <c r="F225" s="54"/>
      <c r="G225" s="54"/>
      <c r="H225" s="54"/>
      <c r="I225" s="54"/>
      <c r="J225" s="54"/>
      <c r="K225" s="54"/>
      <c r="L225" s="54"/>
      <c r="M225" s="54"/>
      <c r="N225" s="54"/>
      <c r="O225" s="54"/>
      <c r="P225" s="54"/>
      <c r="Q225" s="54"/>
      <c r="R225" s="54"/>
      <c r="S225" s="54"/>
      <c r="T225" s="54"/>
      <c r="U225" s="54"/>
      <c r="V225" s="54"/>
      <c r="W225" s="54"/>
      <c r="X225" s="54"/>
      <c r="Y225" s="54"/>
      <c r="Z225" s="54"/>
      <c r="AA225" s="54"/>
      <c r="AB225" s="54"/>
      <c r="AC225" s="54"/>
      <c r="AD225" s="54"/>
      <c r="AE225" s="54"/>
      <c r="AF225" s="54"/>
      <c r="AG225" s="54"/>
    </row>
    <row r="226" spans="1:33" ht="20.100000000000001" customHeight="1">
      <c r="A226" s="1" t="s">
        <v>270</v>
      </c>
    </row>
    <row r="227" spans="1:33" ht="15.95" customHeight="1">
      <c r="B227" s="2" t="s">
        <v>85</v>
      </c>
      <c r="AE227" s="24"/>
      <c r="AF227" s="24"/>
      <c r="AG227" s="25" t="s">
        <v>89</v>
      </c>
    </row>
    <row r="228" spans="1:33" ht="15.95" customHeight="1">
      <c r="A228" s="358" t="s">
        <v>295</v>
      </c>
      <c r="B228" s="359"/>
      <c r="C228" s="359"/>
      <c r="D228" s="359"/>
      <c r="E228" s="359"/>
      <c r="F228" s="359"/>
      <c r="G228" s="359"/>
      <c r="H228" s="359"/>
      <c r="I228" s="360"/>
      <c r="J228" s="552" t="s">
        <v>178</v>
      </c>
      <c r="K228" s="552"/>
      <c r="L228" s="552"/>
      <c r="M228" s="552"/>
      <c r="N228" s="552"/>
      <c r="O228" s="552"/>
      <c r="P228" s="552"/>
      <c r="Q228" s="552"/>
      <c r="R228" s="552"/>
      <c r="S228" s="552"/>
      <c r="T228" s="552"/>
      <c r="U228" s="552"/>
      <c r="V228" s="552"/>
      <c r="W228" s="552"/>
      <c r="X228" s="553"/>
      <c r="Y228" s="548" t="s">
        <v>98</v>
      </c>
      <c r="Z228" s="548"/>
      <c r="AA228" s="548"/>
      <c r="AB228" s="548"/>
      <c r="AC228" s="548"/>
      <c r="AD228" s="548"/>
      <c r="AE228" s="548"/>
      <c r="AF228" s="548"/>
      <c r="AG228" s="549"/>
    </row>
    <row r="229" spans="1:33" ht="15.95" customHeight="1">
      <c r="A229" s="365" t="s">
        <v>179</v>
      </c>
      <c r="B229" s="366"/>
      <c r="C229" s="366"/>
      <c r="D229" s="366"/>
      <c r="E229" s="366"/>
      <c r="F229" s="366"/>
      <c r="G229" s="366"/>
      <c r="H229" s="366"/>
      <c r="I229" s="367"/>
      <c r="J229" s="436">
        <v>5</v>
      </c>
      <c r="K229" s="437"/>
      <c r="L229" s="437"/>
      <c r="M229" s="437"/>
      <c r="N229" s="438"/>
      <c r="O229" s="436">
        <v>6</v>
      </c>
      <c r="P229" s="437"/>
      <c r="Q229" s="437"/>
      <c r="R229" s="437"/>
      <c r="S229" s="438"/>
      <c r="T229" s="536">
        <v>7</v>
      </c>
      <c r="U229" s="536"/>
      <c r="V229" s="536"/>
      <c r="W229" s="536"/>
      <c r="X229" s="537"/>
      <c r="Y229" s="550"/>
      <c r="Z229" s="550"/>
      <c r="AA229" s="550"/>
      <c r="AB229" s="550"/>
      <c r="AC229" s="550"/>
      <c r="AD229" s="550"/>
      <c r="AE229" s="550"/>
      <c r="AF229" s="550"/>
      <c r="AG229" s="551"/>
    </row>
    <row r="230" spans="1:33" ht="15.95" customHeight="1">
      <c r="A230" s="439" t="s">
        <v>296</v>
      </c>
      <c r="B230" s="419"/>
      <c r="C230" s="419"/>
      <c r="D230" s="419"/>
      <c r="E230" s="419"/>
      <c r="F230" s="419"/>
      <c r="G230" s="419"/>
      <c r="H230" s="419"/>
      <c r="I230" s="420"/>
      <c r="J230" s="554">
        <v>98000</v>
      </c>
      <c r="K230" s="554"/>
      <c r="L230" s="554"/>
      <c r="M230" s="554"/>
      <c r="N230" s="554"/>
      <c r="O230" s="554">
        <v>98500</v>
      </c>
      <c r="P230" s="554"/>
      <c r="Q230" s="554"/>
      <c r="R230" s="554"/>
      <c r="S230" s="554"/>
      <c r="T230" s="586">
        <v>99000</v>
      </c>
      <c r="U230" s="586"/>
      <c r="V230" s="586"/>
      <c r="W230" s="586"/>
      <c r="X230" s="587"/>
      <c r="Y230" s="164" t="s">
        <v>297</v>
      </c>
      <c r="Z230" s="164"/>
      <c r="AA230" s="164"/>
      <c r="AB230" s="164"/>
      <c r="AC230" s="164"/>
      <c r="AD230" s="164"/>
      <c r="AE230" s="164"/>
      <c r="AF230" s="164"/>
      <c r="AG230" s="165"/>
    </row>
    <row r="231" spans="1:33" ht="15.95" customHeight="1">
      <c r="A231" s="132" t="s">
        <v>180</v>
      </c>
      <c r="B231" s="419"/>
      <c r="C231" s="419"/>
      <c r="D231" s="419"/>
      <c r="E231" s="419"/>
      <c r="F231" s="419"/>
      <c r="G231" s="419"/>
      <c r="H231" s="419"/>
      <c r="I231" s="420"/>
      <c r="J231" s="167">
        <v>156000</v>
      </c>
      <c r="K231" s="167"/>
      <c r="L231" s="167"/>
      <c r="M231" s="167"/>
      <c r="N231" s="167"/>
      <c r="O231" s="167">
        <v>158000</v>
      </c>
      <c r="P231" s="167"/>
      <c r="Q231" s="167"/>
      <c r="R231" s="167"/>
      <c r="S231" s="167"/>
      <c r="T231" s="453">
        <v>161000</v>
      </c>
      <c r="U231" s="453"/>
      <c r="V231" s="453"/>
      <c r="W231" s="453"/>
      <c r="X231" s="538"/>
      <c r="Y231" s="164" t="s">
        <v>0</v>
      </c>
      <c r="Z231" s="164"/>
      <c r="AA231" s="164"/>
      <c r="AB231" s="164"/>
      <c r="AC231" s="164"/>
      <c r="AD231" s="164"/>
      <c r="AE231" s="164"/>
      <c r="AF231" s="164"/>
      <c r="AG231" s="165"/>
    </row>
    <row r="232" spans="1:33" ht="15.95" customHeight="1">
      <c r="A232" s="132" t="s">
        <v>181</v>
      </c>
      <c r="B232" s="419"/>
      <c r="C232" s="419"/>
      <c r="D232" s="419"/>
      <c r="E232" s="419"/>
      <c r="F232" s="419"/>
      <c r="G232" s="419"/>
      <c r="H232" s="419"/>
      <c r="I232" s="420"/>
      <c r="J232" s="167">
        <v>119000</v>
      </c>
      <c r="K232" s="167"/>
      <c r="L232" s="167"/>
      <c r="M232" s="167"/>
      <c r="N232" s="167"/>
      <c r="O232" s="167">
        <v>120000</v>
      </c>
      <c r="P232" s="167"/>
      <c r="Q232" s="167"/>
      <c r="R232" s="167"/>
      <c r="S232" s="167"/>
      <c r="T232" s="453">
        <v>121000</v>
      </c>
      <c r="U232" s="453"/>
      <c r="V232" s="453"/>
      <c r="W232" s="453"/>
      <c r="X232" s="538"/>
      <c r="Y232" s="164" t="s">
        <v>0</v>
      </c>
      <c r="Z232" s="164"/>
      <c r="AA232" s="164"/>
      <c r="AB232" s="164"/>
      <c r="AC232" s="164"/>
      <c r="AD232" s="164"/>
      <c r="AE232" s="164"/>
      <c r="AF232" s="164"/>
      <c r="AG232" s="165"/>
    </row>
    <row r="233" spans="1:33" ht="15.95" customHeight="1">
      <c r="A233" s="132" t="s">
        <v>182</v>
      </c>
      <c r="B233" s="419"/>
      <c r="C233" s="419"/>
      <c r="D233" s="419"/>
      <c r="E233" s="419"/>
      <c r="F233" s="419"/>
      <c r="G233" s="419"/>
      <c r="H233" s="419"/>
      <c r="I233" s="420"/>
      <c r="J233" s="167">
        <v>176000</v>
      </c>
      <c r="K233" s="167"/>
      <c r="L233" s="167"/>
      <c r="M233" s="167"/>
      <c r="N233" s="167"/>
      <c r="O233" s="167">
        <v>181000</v>
      </c>
      <c r="P233" s="167"/>
      <c r="Q233" s="167"/>
      <c r="R233" s="167"/>
      <c r="S233" s="167"/>
      <c r="T233" s="453">
        <v>182000</v>
      </c>
      <c r="U233" s="453"/>
      <c r="V233" s="453"/>
      <c r="W233" s="453"/>
      <c r="X233" s="538"/>
      <c r="Y233" s="141" t="s">
        <v>2</v>
      </c>
      <c r="Z233" s="141"/>
      <c r="AA233" s="141"/>
      <c r="AB233" s="141"/>
      <c r="AC233" s="141"/>
      <c r="AD233" s="141"/>
      <c r="AE233" s="141"/>
      <c r="AF233" s="141"/>
      <c r="AG233" s="142"/>
    </row>
    <row r="234" spans="1:33" ht="15.95" customHeight="1">
      <c r="A234" s="132" t="s">
        <v>183</v>
      </c>
      <c r="B234" s="419"/>
      <c r="C234" s="419"/>
      <c r="D234" s="419"/>
      <c r="E234" s="419"/>
      <c r="F234" s="419"/>
      <c r="G234" s="419"/>
      <c r="H234" s="419"/>
      <c r="I234" s="420"/>
      <c r="J234" s="167">
        <v>89200</v>
      </c>
      <c r="K234" s="167"/>
      <c r="L234" s="167"/>
      <c r="M234" s="167"/>
      <c r="N234" s="167"/>
      <c r="O234" s="167">
        <v>89200</v>
      </c>
      <c r="P234" s="167"/>
      <c r="Q234" s="167"/>
      <c r="R234" s="167"/>
      <c r="S234" s="167"/>
      <c r="T234" s="453">
        <v>89200</v>
      </c>
      <c r="U234" s="453"/>
      <c r="V234" s="453"/>
      <c r="W234" s="453"/>
      <c r="X234" s="538"/>
      <c r="Y234" s="141" t="s">
        <v>2</v>
      </c>
      <c r="Z234" s="141"/>
      <c r="AA234" s="141"/>
      <c r="AB234" s="141"/>
      <c r="AC234" s="141"/>
      <c r="AD234" s="141"/>
      <c r="AE234" s="141"/>
      <c r="AF234" s="141"/>
      <c r="AG234" s="142"/>
    </row>
    <row r="235" spans="1:33" ht="15.95" customHeight="1">
      <c r="A235" s="132" t="s">
        <v>184</v>
      </c>
      <c r="B235" s="419"/>
      <c r="C235" s="419"/>
      <c r="D235" s="419"/>
      <c r="E235" s="419"/>
      <c r="F235" s="419"/>
      <c r="G235" s="419"/>
      <c r="H235" s="419"/>
      <c r="I235" s="420"/>
      <c r="J235" s="167">
        <v>136000</v>
      </c>
      <c r="K235" s="167"/>
      <c r="L235" s="167"/>
      <c r="M235" s="167"/>
      <c r="N235" s="167"/>
      <c r="O235" s="167">
        <v>138000</v>
      </c>
      <c r="P235" s="167"/>
      <c r="Q235" s="167"/>
      <c r="R235" s="167"/>
      <c r="S235" s="167"/>
      <c r="T235" s="453">
        <v>140000</v>
      </c>
      <c r="U235" s="453"/>
      <c r="V235" s="453"/>
      <c r="W235" s="453"/>
      <c r="X235" s="538"/>
      <c r="Y235" s="141" t="s">
        <v>2</v>
      </c>
      <c r="Z235" s="141"/>
      <c r="AA235" s="141"/>
      <c r="AB235" s="141"/>
      <c r="AC235" s="141"/>
      <c r="AD235" s="141"/>
      <c r="AE235" s="141"/>
      <c r="AF235" s="141"/>
      <c r="AG235" s="142"/>
    </row>
    <row r="236" spans="1:33" ht="15.95" customHeight="1">
      <c r="A236" s="132" t="s">
        <v>185</v>
      </c>
      <c r="B236" s="419"/>
      <c r="C236" s="419"/>
      <c r="D236" s="419"/>
      <c r="E236" s="419"/>
      <c r="F236" s="419"/>
      <c r="G236" s="419"/>
      <c r="H236" s="419"/>
      <c r="I236" s="420"/>
      <c r="J236" s="167">
        <v>90300</v>
      </c>
      <c r="K236" s="167"/>
      <c r="L236" s="167"/>
      <c r="M236" s="167"/>
      <c r="N236" s="167"/>
      <c r="O236" s="167">
        <v>91000</v>
      </c>
      <c r="P236" s="167"/>
      <c r="Q236" s="167"/>
      <c r="R236" s="167"/>
      <c r="S236" s="167"/>
      <c r="T236" s="453">
        <v>91600</v>
      </c>
      <c r="U236" s="453"/>
      <c r="V236" s="453"/>
      <c r="W236" s="453"/>
      <c r="X236" s="538"/>
      <c r="Y236" s="141" t="s">
        <v>2</v>
      </c>
      <c r="Z236" s="141"/>
      <c r="AA236" s="141"/>
      <c r="AB236" s="141"/>
      <c r="AC236" s="141"/>
      <c r="AD236" s="141"/>
      <c r="AE236" s="141"/>
      <c r="AF236" s="141"/>
      <c r="AG236" s="142"/>
    </row>
    <row r="237" spans="1:33" ht="15.95" customHeight="1">
      <c r="A237" s="132" t="s">
        <v>186</v>
      </c>
      <c r="B237" s="419"/>
      <c r="C237" s="419"/>
      <c r="D237" s="419"/>
      <c r="E237" s="419"/>
      <c r="F237" s="419"/>
      <c r="G237" s="419"/>
      <c r="H237" s="419"/>
      <c r="I237" s="420"/>
      <c r="J237" s="167">
        <v>105000</v>
      </c>
      <c r="K237" s="167"/>
      <c r="L237" s="167"/>
      <c r="M237" s="167"/>
      <c r="N237" s="167"/>
      <c r="O237" s="167">
        <v>107000</v>
      </c>
      <c r="P237" s="167"/>
      <c r="Q237" s="167"/>
      <c r="R237" s="167"/>
      <c r="S237" s="167"/>
      <c r="T237" s="453">
        <v>109000</v>
      </c>
      <c r="U237" s="453"/>
      <c r="V237" s="453"/>
      <c r="W237" s="453"/>
      <c r="X237" s="538"/>
      <c r="Y237" s="164" t="s">
        <v>6</v>
      </c>
      <c r="Z237" s="164"/>
      <c r="AA237" s="164"/>
      <c r="AB237" s="164"/>
      <c r="AC237" s="164"/>
      <c r="AD237" s="164"/>
      <c r="AE237" s="164"/>
      <c r="AF237" s="164"/>
      <c r="AG237" s="165"/>
    </row>
    <row r="238" spans="1:33" ht="15.95" customHeight="1">
      <c r="A238" s="132" t="s">
        <v>187</v>
      </c>
      <c r="B238" s="419"/>
      <c r="C238" s="419"/>
      <c r="D238" s="419"/>
      <c r="E238" s="419"/>
      <c r="F238" s="419"/>
      <c r="G238" s="419"/>
      <c r="H238" s="419"/>
      <c r="I238" s="420"/>
      <c r="J238" s="167">
        <v>107000</v>
      </c>
      <c r="K238" s="167"/>
      <c r="L238" s="167"/>
      <c r="M238" s="167"/>
      <c r="N238" s="167"/>
      <c r="O238" s="167">
        <v>107000</v>
      </c>
      <c r="P238" s="167"/>
      <c r="Q238" s="167"/>
      <c r="R238" s="167"/>
      <c r="S238" s="167"/>
      <c r="T238" s="453">
        <v>107000</v>
      </c>
      <c r="U238" s="453"/>
      <c r="V238" s="453"/>
      <c r="W238" s="453"/>
      <c r="X238" s="538"/>
      <c r="Y238" s="164" t="s">
        <v>6</v>
      </c>
      <c r="Z238" s="164"/>
      <c r="AA238" s="164"/>
      <c r="AB238" s="164"/>
      <c r="AC238" s="164"/>
      <c r="AD238" s="164"/>
      <c r="AE238" s="164"/>
      <c r="AF238" s="164"/>
      <c r="AG238" s="165"/>
    </row>
    <row r="239" spans="1:33" ht="15.95" customHeight="1">
      <c r="A239" s="132" t="s">
        <v>188</v>
      </c>
      <c r="B239" s="419"/>
      <c r="C239" s="419"/>
      <c r="D239" s="419"/>
      <c r="E239" s="419"/>
      <c r="F239" s="419"/>
      <c r="G239" s="419"/>
      <c r="H239" s="419"/>
      <c r="I239" s="420"/>
      <c r="J239" s="167">
        <v>98000</v>
      </c>
      <c r="K239" s="167"/>
      <c r="L239" s="167"/>
      <c r="M239" s="167"/>
      <c r="N239" s="167"/>
      <c r="O239" s="167">
        <v>98500</v>
      </c>
      <c r="P239" s="167"/>
      <c r="Q239" s="167"/>
      <c r="R239" s="167"/>
      <c r="S239" s="167"/>
      <c r="T239" s="453">
        <v>99300</v>
      </c>
      <c r="U239" s="453"/>
      <c r="V239" s="453"/>
      <c r="W239" s="453"/>
      <c r="X239" s="538"/>
      <c r="Y239" s="164" t="s">
        <v>6</v>
      </c>
      <c r="Z239" s="164"/>
      <c r="AA239" s="164"/>
      <c r="AB239" s="164"/>
      <c r="AC239" s="164"/>
      <c r="AD239" s="164"/>
      <c r="AE239" s="164"/>
      <c r="AF239" s="164"/>
      <c r="AG239" s="165"/>
    </row>
    <row r="240" spans="1:33" ht="15.95" customHeight="1">
      <c r="A240" s="132" t="s">
        <v>189</v>
      </c>
      <c r="B240" s="419"/>
      <c r="C240" s="419"/>
      <c r="D240" s="419"/>
      <c r="E240" s="419"/>
      <c r="F240" s="419"/>
      <c r="G240" s="419"/>
      <c r="H240" s="419"/>
      <c r="I240" s="420"/>
      <c r="J240" s="167">
        <v>88500</v>
      </c>
      <c r="K240" s="167"/>
      <c r="L240" s="167"/>
      <c r="M240" s="167"/>
      <c r="N240" s="167"/>
      <c r="O240" s="167">
        <v>88000</v>
      </c>
      <c r="P240" s="167"/>
      <c r="Q240" s="167"/>
      <c r="R240" s="167"/>
      <c r="S240" s="167"/>
      <c r="T240" s="453">
        <v>90000</v>
      </c>
      <c r="U240" s="453"/>
      <c r="V240" s="453"/>
      <c r="W240" s="453"/>
      <c r="X240" s="538"/>
      <c r="Y240" s="164" t="s">
        <v>6</v>
      </c>
      <c r="Z240" s="164"/>
      <c r="AA240" s="164"/>
      <c r="AB240" s="164"/>
      <c r="AC240" s="164"/>
      <c r="AD240" s="164"/>
      <c r="AE240" s="164"/>
      <c r="AF240" s="164"/>
      <c r="AG240" s="165"/>
    </row>
    <row r="241" spans="1:33" ht="15.95" customHeight="1">
      <c r="A241" s="132" t="s">
        <v>190</v>
      </c>
      <c r="B241" s="419"/>
      <c r="C241" s="419"/>
      <c r="D241" s="419"/>
      <c r="E241" s="419"/>
      <c r="F241" s="419"/>
      <c r="G241" s="419"/>
      <c r="H241" s="419"/>
      <c r="I241" s="420"/>
      <c r="J241" s="167">
        <v>125000</v>
      </c>
      <c r="K241" s="167"/>
      <c r="L241" s="167"/>
      <c r="M241" s="167"/>
      <c r="N241" s="167"/>
      <c r="O241" s="167">
        <v>127000</v>
      </c>
      <c r="P241" s="167"/>
      <c r="Q241" s="167"/>
      <c r="R241" s="167"/>
      <c r="S241" s="167"/>
      <c r="T241" s="453">
        <v>129000</v>
      </c>
      <c r="U241" s="453"/>
      <c r="V241" s="453"/>
      <c r="W241" s="453"/>
      <c r="X241" s="538"/>
      <c r="Y241" s="164" t="s">
        <v>6</v>
      </c>
      <c r="Z241" s="164"/>
      <c r="AA241" s="164"/>
      <c r="AB241" s="164"/>
      <c r="AC241" s="164"/>
      <c r="AD241" s="164"/>
      <c r="AE241" s="164"/>
      <c r="AF241" s="164"/>
      <c r="AG241" s="165"/>
    </row>
    <row r="242" spans="1:33" ht="15.95" customHeight="1">
      <c r="A242" s="132" t="s">
        <v>191</v>
      </c>
      <c r="B242" s="419"/>
      <c r="C242" s="419"/>
      <c r="D242" s="419"/>
      <c r="E242" s="419"/>
      <c r="F242" s="419"/>
      <c r="G242" s="419"/>
      <c r="H242" s="419"/>
      <c r="I242" s="420"/>
      <c r="J242" s="167">
        <v>83000</v>
      </c>
      <c r="K242" s="167"/>
      <c r="L242" s="167"/>
      <c r="M242" s="167"/>
      <c r="N242" s="167"/>
      <c r="O242" s="167">
        <v>85300</v>
      </c>
      <c r="P242" s="167"/>
      <c r="Q242" s="167"/>
      <c r="R242" s="167"/>
      <c r="S242" s="167"/>
      <c r="T242" s="453">
        <v>87600</v>
      </c>
      <c r="U242" s="453"/>
      <c r="V242" s="453"/>
      <c r="W242" s="453"/>
      <c r="X242" s="538"/>
      <c r="Y242" s="164" t="s">
        <v>6</v>
      </c>
      <c r="Z242" s="164"/>
      <c r="AA242" s="164"/>
      <c r="AB242" s="164"/>
      <c r="AC242" s="164"/>
      <c r="AD242" s="164"/>
      <c r="AE242" s="164"/>
      <c r="AF242" s="164"/>
      <c r="AG242" s="165"/>
    </row>
    <row r="243" spans="1:33" ht="15.95" customHeight="1">
      <c r="A243" s="132" t="s">
        <v>319</v>
      </c>
      <c r="B243" s="419"/>
      <c r="C243" s="419"/>
      <c r="D243" s="419"/>
      <c r="E243" s="419"/>
      <c r="F243" s="419"/>
      <c r="G243" s="419"/>
      <c r="H243" s="419"/>
      <c r="I243" s="420"/>
      <c r="J243" s="167">
        <v>79800</v>
      </c>
      <c r="K243" s="167"/>
      <c r="L243" s="167"/>
      <c r="M243" s="167"/>
      <c r="N243" s="167"/>
      <c r="O243" s="167">
        <v>81900</v>
      </c>
      <c r="P243" s="167"/>
      <c r="Q243" s="167"/>
      <c r="R243" s="167"/>
      <c r="S243" s="167"/>
      <c r="T243" s="453">
        <v>84000</v>
      </c>
      <c r="U243" s="453"/>
      <c r="V243" s="453"/>
      <c r="W243" s="453"/>
      <c r="X243" s="538"/>
      <c r="Y243" s="164" t="s">
        <v>6</v>
      </c>
      <c r="Z243" s="164"/>
      <c r="AA243" s="164"/>
      <c r="AB243" s="164"/>
      <c r="AC243" s="164"/>
      <c r="AD243" s="164"/>
      <c r="AE243" s="164"/>
      <c r="AF243" s="164"/>
      <c r="AG243" s="165"/>
    </row>
    <row r="244" spans="1:33" ht="15.95" customHeight="1">
      <c r="A244" s="132" t="s">
        <v>275</v>
      </c>
      <c r="B244" s="133"/>
      <c r="C244" s="133"/>
      <c r="D244" s="133"/>
      <c r="E244" s="133"/>
      <c r="F244" s="133"/>
      <c r="G244" s="133"/>
      <c r="H244" s="133"/>
      <c r="I244" s="134"/>
      <c r="J244" s="167">
        <v>123000</v>
      </c>
      <c r="K244" s="92"/>
      <c r="L244" s="92"/>
      <c r="M244" s="92"/>
      <c r="N244" s="92"/>
      <c r="O244" s="167">
        <v>125000</v>
      </c>
      <c r="P244" s="167"/>
      <c r="Q244" s="167"/>
      <c r="R244" s="167"/>
      <c r="S244" s="167"/>
      <c r="T244" s="453">
        <v>128000</v>
      </c>
      <c r="U244" s="453"/>
      <c r="V244" s="453"/>
      <c r="W244" s="453"/>
      <c r="X244" s="538"/>
      <c r="Y244" s="164" t="s">
        <v>8</v>
      </c>
      <c r="Z244" s="164"/>
      <c r="AA244" s="164"/>
      <c r="AB244" s="164"/>
      <c r="AC244" s="164"/>
      <c r="AD244" s="164"/>
      <c r="AE244" s="164"/>
      <c r="AF244" s="164"/>
      <c r="AG244" s="165"/>
    </row>
    <row r="245" spans="1:33" ht="15.95" customHeight="1">
      <c r="A245" s="132" t="s">
        <v>298</v>
      </c>
      <c r="B245" s="419"/>
      <c r="C245" s="419"/>
      <c r="D245" s="419"/>
      <c r="E245" s="419"/>
      <c r="F245" s="419"/>
      <c r="G245" s="419"/>
      <c r="H245" s="419"/>
      <c r="I245" s="420"/>
      <c r="J245" s="167">
        <v>256000</v>
      </c>
      <c r="K245" s="167"/>
      <c r="L245" s="167"/>
      <c r="M245" s="167"/>
      <c r="N245" s="167"/>
      <c r="O245" s="167">
        <v>267000</v>
      </c>
      <c r="P245" s="167"/>
      <c r="Q245" s="167"/>
      <c r="R245" s="167"/>
      <c r="S245" s="167"/>
      <c r="T245" s="453">
        <v>282000</v>
      </c>
      <c r="U245" s="453"/>
      <c r="V245" s="453"/>
      <c r="W245" s="453"/>
      <c r="X245" s="538"/>
      <c r="Y245" s="164" t="s">
        <v>192</v>
      </c>
      <c r="Z245" s="164"/>
      <c r="AA245" s="164"/>
      <c r="AB245" s="164"/>
      <c r="AC245" s="164"/>
      <c r="AD245" s="164"/>
      <c r="AE245" s="164"/>
      <c r="AF245" s="164"/>
      <c r="AG245" s="165"/>
    </row>
    <row r="246" spans="1:33" ht="15.95" customHeight="1">
      <c r="A246" s="132" t="s">
        <v>193</v>
      </c>
      <c r="B246" s="419"/>
      <c r="C246" s="419"/>
      <c r="D246" s="419"/>
      <c r="E246" s="419"/>
      <c r="F246" s="419"/>
      <c r="G246" s="419"/>
      <c r="H246" s="419"/>
      <c r="I246" s="420"/>
      <c r="J246" s="167">
        <v>37800</v>
      </c>
      <c r="K246" s="167"/>
      <c r="L246" s="167"/>
      <c r="M246" s="167"/>
      <c r="N246" s="167"/>
      <c r="O246" s="167">
        <v>37500</v>
      </c>
      <c r="P246" s="167"/>
      <c r="Q246" s="167"/>
      <c r="R246" s="167"/>
      <c r="S246" s="167"/>
      <c r="T246" s="453">
        <v>37300</v>
      </c>
      <c r="U246" s="453"/>
      <c r="V246" s="453"/>
      <c r="W246" s="453"/>
      <c r="X246" s="538"/>
      <c r="Y246" s="164" t="s">
        <v>95</v>
      </c>
      <c r="Z246" s="164"/>
      <c r="AA246" s="164"/>
      <c r="AB246" s="164"/>
      <c r="AC246" s="164"/>
      <c r="AD246" s="164"/>
      <c r="AE246" s="164"/>
      <c r="AF246" s="164"/>
      <c r="AG246" s="165"/>
    </row>
    <row r="247" spans="1:33" ht="15.95" customHeight="1">
      <c r="A247" s="97" t="s">
        <v>310</v>
      </c>
      <c r="B247" s="421"/>
      <c r="C247" s="421"/>
      <c r="D247" s="421"/>
      <c r="E247" s="421"/>
      <c r="F247" s="421"/>
      <c r="G247" s="421"/>
      <c r="H247" s="421"/>
      <c r="I247" s="422"/>
      <c r="J247" s="102">
        <v>11600</v>
      </c>
      <c r="K247" s="102"/>
      <c r="L247" s="102"/>
      <c r="M247" s="102"/>
      <c r="N247" s="102"/>
      <c r="O247" s="351">
        <v>11400</v>
      </c>
      <c r="P247" s="351"/>
      <c r="Q247" s="351"/>
      <c r="R247" s="351"/>
      <c r="S247" s="351"/>
      <c r="T247" s="555">
        <v>11100</v>
      </c>
      <c r="U247" s="555"/>
      <c r="V247" s="555"/>
      <c r="W247" s="555"/>
      <c r="X247" s="556"/>
      <c r="Y247" s="72" t="s">
        <v>95</v>
      </c>
      <c r="Z247" s="72"/>
      <c r="AA247" s="72"/>
      <c r="AB247" s="72"/>
      <c r="AC247" s="72"/>
      <c r="AD247" s="72"/>
      <c r="AE247" s="72"/>
      <c r="AF247" s="72"/>
      <c r="AG247" s="75"/>
    </row>
    <row r="248" spans="1:33" s="3" customFormat="1" ht="12.95" customHeight="1">
      <c r="A248" s="50"/>
      <c r="F248" s="51"/>
      <c r="G248" s="51"/>
      <c r="H248" s="51"/>
      <c r="I248" s="51"/>
      <c r="J248" s="28"/>
      <c r="K248" s="28"/>
      <c r="L248" s="28"/>
      <c r="M248" s="28"/>
      <c r="N248" s="28"/>
      <c r="O248" s="28"/>
      <c r="P248" s="28"/>
      <c r="Q248" s="28"/>
      <c r="R248" s="28"/>
      <c r="S248" s="28"/>
      <c r="T248" s="82"/>
      <c r="U248" s="82"/>
      <c r="V248" s="82"/>
      <c r="W248" s="82"/>
      <c r="X248" s="82"/>
      <c r="Y248" s="28"/>
      <c r="Z248" s="28"/>
      <c r="AA248" s="28"/>
      <c r="AB248" s="28"/>
      <c r="AD248" s="9"/>
      <c r="AE248" s="9"/>
      <c r="AF248" s="9"/>
      <c r="AG248" s="9" t="s">
        <v>194</v>
      </c>
    </row>
    <row r="249" spans="1:33" ht="20.100000000000001" customHeight="1">
      <c r="A249" s="1" t="s">
        <v>271</v>
      </c>
    </row>
    <row r="250" spans="1:33" ht="15.95" customHeight="1">
      <c r="B250" s="2" t="s">
        <v>90</v>
      </c>
      <c r="AE250" s="24"/>
      <c r="AF250" s="24"/>
      <c r="AG250" s="25" t="s">
        <v>89</v>
      </c>
    </row>
    <row r="251" spans="1:33" ht="15.95" customHeight="1">
      <c r="A251" s="358" t="s">
        <v>299</v>
      </c>
      <c r="B251" s="359"/>
      <c r="C251" s="359"/>
      <c r="D251" s="359"/>
      <c r="E251" s="359"/>
      <c r="F251" s="359"/>
      <c r="G251" s="359"/>
      <c r="H251" s="359"/>
      <c r="I251" s="360"/>
      <c r="J251" s="557" t="s">
        <v>178</v>
      </c>
      <c r="K251" s="552"/>
      <c r="L251" s="552"/>
      <c r="M251" s="552"/>
      <c r="N251" s="552"/>
      <c r="O251" s="552"/>
      <c r="P251" s="552"/>
      <c r="Q251" s="552"/>
      <c r="R251" s="552"/>
      <c r="S251" s="552"/>
      <c r="T251" s="552"/>
      <c r="U251" s="552"/>
      <c r="V251" s="552"/>
      <c r="W251" s="552"/>
      <c r="X251" s="553"/>
      <c r="Y251" s="548" t="s">
        <v>98</v>
      </c>
      <c r="Z251" s="548"/>
      <c r="AA251" s="548"/>
      <c r="AB251" s="548"/>
      <c r="AC251" s="548"/>
      <c r="AD251" s="548"/>
      <c r="AE251" s="548"/>
      <c r="AF251" s="548"/>
      <c r="AG251" s="549"/>
    </row>
    <row r="252" spans="1:33" ht="20.100000000000001" customHeight="1">
      <c r="A252" s="365" t="s">
        <v>195</v>
      </c>
      <c r="B252" s="366"/>
      <c r="C252" s="366"/>
      <c r="D252" s="366"/>
      <c r="E252" s="366"/>
      <c r="F252" s="366"/>
      <c r="G252" s="366"/>
      <c r="H252" s="366"/>
      <c r="I252" s="367"/>
      <c r="J252" s="436">
        <v>5</v>
      </c>
      <c r="K252" s="437"/>
      <c r="L252" s="437"/>
      <c r="M252" s="437"/>
      <c r="N252" s="438"/>
      <c r="O252" s="588">
        <v>6</v>
      </c>
      <c r="P252" s="588"/>
      <c r="Q252" s="588"/>
      <c r="R252" s="588"/>
      <c r="S252" s="589"/>
      <c r="T252" s="536">
        <v>7</v>
      </c>
      <c r="U252" s="536"/>
      <c r="V252" s="536"/>
      <c r="W252" s="536"/>
      <c r="X252" s="537"/>
      <c r="Y252" s="550"/>
      <c r="Z252" s="550"/>
      <c r="AA252" s="550"/>
      <c r="AB252" s="550"/>
      <c r="AC252" s="550"/>
      <c r="AD252" s="550"/>
      <c r="AE252" s="550"/>
      <c r="AF252" s="550"/>
      <c r="AG252" s="551"/>
    </row>
    <row r="253" spans="1:33" ht="15.95" customHeight="1">
      <c r="A253" s="132" t="s">
        <v>320</v>
      </c>
      <c r="B253" s="164"/>
      <c r="C253" s="164"/>
      <c r="D253" s="164"/>
      <c r="E253" s="164"/>
      <c r="F253" s="164"/>
      <c r="G253" s="164"/>
      <c r="H253" s="164"/>
      <c r="I253" s="166"/>
      <c r="J253" s="91">
        <v>169000</v>
      </c>
      <c r="K253" s="91"/>
      <c r="L253" s="91"/>
      <c r="M253" s="91"/>
      <c r="N253" s="91"/>
      <c r="O253" s="554">
        <v>174000</v>
      </c>
      <c r="P253" s="554"/>
      <c r="Q253" s="554"/>
      <c r="R253" s="554"/>
      <c r="S253" s="554"/>
      <c r="T253" s="586">
        <v>178000</v>
      </c>
      <c r="U253" s="586"/>
      <c r="V253" s="586"/>
      <c r="W253" s="586"/>
      <c r="X253" s="587"/>
      <c r="Y253" s="141" t="s">
        <v>0</v>
      </c>
      <c r="Z253" s="141"/>
      <c r="AA253" s="141"/>
      <c r="AB253" s="141"/>
      <c r="AC253" s="141"/>
      <c r="AD253" s="141"/>
      <c r="AE253" s="141"/>
      <c r="AF253" s="141"/>
      <c r="AG253" s="142"/>
    </row>
    <row r="254" spans="1:33" ht="15.95" customHeight="1">
      <c r="A254" s="132" t="s">
        <v>321</v>
      </c>
      <c r="B254" s="164"/>
      <c r="C254" s="164"/>
      <c r="D254" s="164"/>
      <c r="E254" s="164"/>
      <c r="F254" s="164"/>
      <c r="G254" s="164"/>
      <c r="H254" s="164"/>
      <c r="I254" s="166"/>
      <c r="J254" s="91">
        <v>192000</v>
      </c>
      <c r="K254" s="91"/>
      <c r="L254" s="91"/>
      <c r="M254" s="91"/>
      <c r="N254" s="91"/>
      <c r="O254" s="167">
        <v>194000</v>
      </c>
      <c r="P254" s="167"/>
      <c r="Q254" s="167"/>
      <c r="R254" s="167"/>
      <c r="S254" s="167"/>
      <c r="T254" s="453">
        <v>196000</v>
      </c>
      <c r="U254" s="453"/>
      <c r="V254" s="453"/>
      <c r="W254" s="453"/>
      <c r="X254" s="538"/>
      <c r="Y254" s="141" t="s">
        <v>0</v>
      </c>
      <c r="Z254" s="141"/>
      <c r="AA254" s="141"/>
      <c r="AB254" s="141"/>
      <c r="AC254" s="141"/>
      <c r="AD254" s="141"/>
      <c r="AE254" s="141"/>
      <c r="AF254" s="141"/>
      <c r="AG254" s="142"/>
    </row>
    <row r="255" spans="1:33" ht="15.95" customHeight="1">
      <c r="A255" s="132" t="s">
        <v>322</v>
      </c>
      <c r="B255" s="164"/>
      <c r="C255" s="164"/>
      <c r="D255" s="164"/>
      <c r="E255" s="164"/>
      <c r="F255" s="164"/>
      <c r="G255" s="164"/>
      <c r="H255" s="164"/>
      <c r="I255" s="166"/>
      <c r="J255" s="91">
        <v>122000</v>
      </c>
      <c r="K255" s="91"/>
      <c r="L255" s="91"/>
      <c r="M255" s="91"/>
      <c r="N255" s="91"/>
      <c r="O255" s="167">
        <v>124000</v>
      </c>
      <c r="P255" s="167"/>
      <c r="Q255" s="167"/>
      <c r="R255" s="167"/>
      <c r="S255" s="167"/>
      <c r="T255" s="453">
        <v>126000</v>
      </c>
      <c r="U255" s="453"/>
      <c r="V255" s="453"/>
      <c r="W255" s="453"/>
      <c r="X255" s="538"/>
      <c r="Y255" s="141" t="s">
        <v>0</v>
      </c>
      <c r="Z255" s="141"/>
      <c r="AA255" s="141"/>
      <c r="AB255" s="141"/>
      <c r="AC255" s="141"/>
      <c r="AD255" s="141"/>
      <c r="AE255" s="141"/>
      <c r="AF255" s="141"/>
      <c r="AG255" s="142"/>
    </row>
    <row r="256" spans="1:33" ht="15.95" customHeight="1">
      <c r="A256" s="132" t="s">
        <v>184</v>
      </c>
      <c r="B256" s="164"/>
      <c r="C256" s="164"/>
      <c r="D256" s="164"/>
      <c r="E256" s="164"/>
      <c r="F256" s="164"/>
      <c r="G256" s="164"/>
      <c r="H256" s="164"/>
      <c r="I256" s="166"/>
      <c r="J256" s="91">
        <v>137000</v>
      </c>
      <c r="K256" s="91"/>
      <c r="L256" s="91"/>
      <c r="M256" s="91"/>
      <c r="N256" s="91"/>
      <c r="O256" s="167">
        <v>139000</v>
      </c>
      <c r="P256" s="167"/>
      <c r="Q256" s="167"/>
      <c r="R256" s="167"/>
      <c r="S256" s="167"/>
      <c r="T256" s="453">
        <v>140000</v>
      </c>
      <c r="U256" s="453"/>
      <c r="V256" s="453"/>
      <c r="W256" s="453"/>
      <c r="X256" s="538"/>
      <c r="Y256" s="141" t="s">
        <v>2</v>
      </c>
      <c r="Z256" s="141"/>
      <c r="AA256" s="141"/>
      <c r="AB256" s="141"/>
      <c r="AC256" s="141"/>
      <c r="AD256" s="141"/>
      <c r="AE256" s="141"/>
      <c r="AF256" s="141"/>
      <c r="AG256" s="142"/>
    </row>
    <row r="257" spans="1:33" ht="15.95" customHeight="1">
      <c r="A257" s="132" t="s">
        <v>323</v>
      </c>
      <c r="B257" s="164"/>
      <c r="C257" s="164"/>
      <c r="D257" s="164"/>
      <c r="E257" s="164"/>
      <c r="F257" s="164"/>
      <c r="G257" s="164"/>
      <c r="H257" s="164"/>
      <c r="I257" s="166"/>
      <c r="J257" s="91">
        <v>124000</v>
      </c>
      <c r="K257" s="91"/>
      <c r="L257" s="91"/>
      <c r="M257" s="91"/>
      <c r="N257" s="91"/>
      <c r="O257" s="167">
        <v>127000</v>
      </c>
      <c r="P257" s="167"/>
      <c r="Q257" s="167"/>
      <c r="R257" s="167"/>
      <c r="S257" s="167"/>
      <c r="T257" s="453">
        <v>130000</v>
      </c>
      <c r="U257" s="453"/>
      <c r="V257" s="453"/>
      <c r="W257" s="453"/>
      <c r="X257" s="538"/>
      <c r="Y257" s="141" t="s">
        <v>6</v>
      </c>
      <c r="Z257" s="141"/>
      <c r="AA257" s="141"/>
      <c r="AB257" s="141"/>
      <c r="AC257" s="141"/>
      <c r="AD257" s="141"/>
      <c r="AE257" s="141"/>
      <c r="AF257" s="141"/>
      <c r="AG257" s="142"/>
    </row>
    <row r="258" spans="1:33" ht="15.95" customHeight="1">
      <c r="A258" s="132" t="s">
        <v>324</v>
      </c>
      <c r="B258" s="164"/>
      <c r="C258" s="164"/>
      <c r="D258" s="164"/>
      <c r="E258" s="164"/>
      <c r="F258" s="164"/>
      <c r="G258" s="164"/>
      <c r="H258" s="164"/>
      <c r="I258" s="166"/>
      <c r="J258" s="91">
        <v>119000</v>
      </c>
      <c r="K258" s="91"/>
      <c r="L258" s="91"/>
      <c r="M258" s="91"/>
      <c r="N258" s="91"/>
      <c r="O258" s="167">
        <v>123000</v>
      </c>
      <c r="P258" s="167"/>
      <c r="Q258" s="167"/>
      <c r="R258" s="167"/>
      <c r="S258" s="167"/>
      <c r="T258" s="453">
        <v>127000</v>
      </c>
      <c r="U258" s="453"/>
      <c r="V258" s="453"/>
      <c r="W258" s="453"/>
      <c r="X258" s="538"/>
      <c r="Y258" s="141" t="s">
        <v>6</v>
      </c>
      <c r="Z258" s="141"/>
      <c r="AA258" s="141"/>
      <c r="AB258" s="141"/>
      <c r="AC258" s="141"/>
      <c r="AD258" s="141"/>
      <c r="AE258" s="141"/>
      <c r="AF258" s="141"/>
      <c r="AG258" s="142"/>
    </row>
    <row r="259" spans="1:33" ht="15.95" customHeight="1">
      <c r="A259" s="132" t="s">
        <v>325</v>
      </c>
      <c r="B259" s="164"/>
      <c r="C259" s="164"/>
      <c r="D259" s="164"/>
      <c r="E259" s="164"/>
      <c r="F259" s="164"/>
      <c r="G259" s="164"/>
      <c r="H259" s="164"/>
      <c r="I259" s="166"/>
      <c r="J259" s="91">
        <v>56000</v>
      </c>
      <c r="K259" s="91"/>
      <c r="L259" s="91"/>
      <c r="M259" s="91"/>
      <c r="N259" s="91"/>
      <c r="O259" s="167">
        <v>55800</v>
      </c>
      <c r="P259" s="167"/>
      <c r="Q259" s="167"/>
      <c r="R259" s="167"/>
      <c r="S259" s="167"/>
      <c r="T259" s="453">
        <v>55600</v>
      </c>
      <c r="U259" s="453"/>
      <c r="V259" s="453"/>
      <c r="W259" s="453"/>
      <c r="X259" s="538"/>
      <c r="Y259" s="141" t="s">
        <v>6</v>
      </c>
      <c r="Z259" s="141"/>
      <c r="AA259" s="141"/>
      <c r="AB259" s="141"/>
      <c r="AC259" s="141"/>
      <c r="AD259" s="141"/>
      <c r="AE259" s="141"/>
      <c r="AF259" s="141"/>
      <c r="AG259" s="142"/>
    </row>
    <row r="260" spans="1:33" ht="15.95" customHeight="1">
      <c r="A260" s="132" t="s">
        <v>326</v>
      </c>
      <c r="B260" s="164"/>
      <c r="C260" s="164"/>
      <c r="D260" s="164"/>
      <c r="E260" s="164"/>
      <c r="F260" s="164"/>
      <c r="G260" s="164"/>
      <c r="H260" s="164"/>
      <c r="I260" s="166"/>
      <c r="J260" s="91">
        <v>116000</v>
      </c>
      <c r="K260" s="91"/>
      <c r="L260" s="91"/>
      <c r="M260" s="91"/>
      <c r="N260" s="91"/>
      <c r="O260" s="167">
        <v>117000</v>
      </c>
      <c r="P260" s="167"/>
      <c r="Q260" s="167"/>
      <c r="R260" s="167"/>
      <c r="S260" s="167"/>
      <c r="T260" s="453">
        <v>118000</v>
      </c>
      <c r="U260" s="453"/>
      <c r="V260" s="453"/>
      <c r="W260" s="453"/>
      <c r="X260" s="538"/>
      <c r="Y260" s="141" t="s">
        <v>6</v>
      </c>
      <c r="Z260" s="141"/>
      <c r="AA260" s="141"/>
      <c r="AB260" s="141"/>
      <c r="AC260" s="141"/>
      <c r="AD260" s="141"/>
      <c r="AE260" s="141"/>
      <c r="AF260" s="141"/>
      <c r="AG260" s="142"/>
    </row>
    <row r="261" spans="1:33" ht="15.95" customHeight="1">
      <c r="A261" s="132" t="s">
        <v>327</v>
      </c>
      <c r="B261" s="164"/>
      <c r="C261" s="164"/>
      <c r="D261" s="164"/>
      <c r="E261" s="164"/>
      <c r="F261" s="164"/>
      <c r="G261" s="164"/>
      <c r="H261" s="164"/>
      <c r="I261" s="166"/>
      <c r="J261" s="91">
        <v>78000</v>
      </c>
      <c r="K261" s="91"/>
      <c r="L261" s="91"/>
      <c r="M261" s="91"/>
      <c r="N261" s="91"/>
      <c r="O261" s="167">
        <v>79000</v>
      </c>
      <c r="P261" s="167"/>
      <c r="Q261" s="167"/>
      <c r="R261" s="167"/>
      <c r="S261" s="167"/>
      <c r="T261" s="453">
        <v>80000</v>
      </c>
      <c r="U261" s="453"/>
      <c r="V261" s="453"/>
      <c r="W261" s="453"/>
      <c r="X261" s="538"/>
      <c r="Y261" s="141" t="s">
        <v>6</v>
      </c>
      <c r="Z261" s="141"/>
      <c r="AA261" s="141"/>
      <c r="AB261" s="141"/>
      <c r="AC261" s="141"/>
      <c r="AD261" s="141"/>
      <c r="AE261" s="141"/>
      <c r="AF261" s="141"/>
      <c r="AG261" s="142"/>
    </row>
    <row r="262" spans="1:33" ht="15.95" customHeight="1">
      <c r="A262" s="132" t="s">
        <v>328</v>
      </c>
      <c r="B262" s="164"/>
      <c r="C262" s="164"/>
      <c r="D262" s="164"/>
      <c r="E262" s="164"/>
      <c r="F262" s="164"/>
      <c r="G262" s="164"/>
      <c r="H262" s="164"/>
      <c r="I262" s="166"/>
      <c r="J262" s="136">
        <v>252000</v>
      </c>
      <c r="K262" s="136"/>
      <c r="L262" s="136"/>
      <c r="M262" s="136"/>
      <c r="N262" s="136"/>
      <c r="O262" s="167">
        <v>263000</v>
      </c>
      <c r="P262" s="167"/>
      <c r="Q262" s="167"/>
      <c r="R262" s="167"/>
      <c r="S262" s="167"/>
      <c r="T262" s="453">
        <v>274000</v>
      </c>
      <c r="U262" s="453"/>
      <c r="V262" s="453"/>
      <c r="W262" s="453"/>
      <c r="X262" s="538"/>
      <c r="Y262" s="141" t="s">
        <v>6</v>
      </c>
      <c r="Z262" s="141"/>
      <c r="AA262" s="141"/>
      <c r="AB262" s="141"/>
      <c r="AC262" s="141"/>
      <c r="AD262" s="141"/>
      <c r="AE262" s="141"/>
      <c r="AF262" s="141"/>
      <c r="AG262" s="142"/>
    </row>
    <row r="263" spans="1:33" ht="15.95" customHeight="1">
      <c r="A263" s="132" t="s">
        <v>329</v>
      </c>
      <c r="B263" s="164"/>
      <c r="C263" s="164"/>
      <c r="D263" s="164"/>
      <c r="E263" s="164"/>
      <c r="F263" s="164"/>
      <c r="G263" s="164"/>
      <c r="H263" s="164"/>
      <c r="I263" s="166"/>
      <c r="J263" s="91">
        <v>43200</v>
      </c>
      <c r="K263" s="91"/>
      <c r="L263" s="91"/>
      <c r="M263" s="91"/>
      <c r="N263" s="91"/>
      <c r="O263" s="167">
        <v>43600</v>
      </c>
      <c r="P263" s="167"/>
      <c r="Q263" s="167"/>
      <c r="R263" s="167"/>
      <c r="S263" s="167"/>
      <c r="T263" s="453">
        <v>43900</v>
      </c>
      <c r="U263" s="453"/>
      <c r="V263" s="453"/>
      <c r="W263" s="453"/>
      <c r="X263" s="538"/>
      <c r="Y263" s="141" t="s">
        <v>6</v>
      </c>
      <c r="Z263" s="141"/>
      <c r="AA263" s="141"/>
      <c r="AB263" s="141"/>
      <c r="AC263" s="141"/>
      <c r="AD263" s="141"/>
      <c r="AE263" s="141"/>
      <c r="AF263" s="141"/>
      <c r="AG263" s="142"/>
    </row>
    <row r="264" spans="1:33" ht="15.95" customHeight="1">
      <c r="A264" s="132" t="s">
        <v>196</v>
      </c>
      <c r="B264" s="151"/>
      <c r="C264" s="151"/>
      <c r="D264" s="151"/>
      <c r="E264" s="151"/>
      <c r="F264" s="151"/>
      <c r="G264" s="151"/>
      <c r="H264" s="151"/>
      <c r="I264" s="152"/>
      <c r="J264" s="91">
        <v>220000</v>
      </c>
      <c r="K264" s="92"/>
      <c r="L264" s="92"/>
      <c r="M264" s="92"/>
      <c r="N264" s="92"/>
      <c r="O264" s="137">
        <v>229000</v>
      </c>
      <c r="P264" s="161"/>
      <c r="Q264" s="161"/>
      <c r="R264" s="161"/>
      <c r="S264" s="161"/>
      <c r="T264" s="138">
        <v>239000</v>
      </c>
      <c r="U264" s="162"/>
      <c r="V264" s="162"/>
      <c r="W264" s="162"/>
      <c r="X264" s="163"/>
      <c r="Y264" s="141" t="s">
        <v>332</v>
      </c>
      <c r="Z264" s="141"/>
      <c r="AA264" s="141"/>
      <c r="AB264" s="141"/>
      <c r="AC264" s="141"/>
      <c r="AD264" s="141"/>
      <c r="AE264" s="141"/>
      <c r="AF264" s="141"/>
      <c r="AG264" s="142"/>
    </row>
    <row r="265" spans="1:33" ht="15.95" customHeight="1">
      <c r="A265" s="132" t="s">
        <v>330</v>
      </c>
      <c r="B265" s="133"/>
      <c r="C265" s="133"/>
      <c r="D265" s="133"/>
      <c r="E265" s="133"/>
      <c r="F265" s="133"/>
      <c r="G265" s="133"/>
      <c r="H265" s="133"/>
      <c r="I265" s="134"/>
      <c r="J265" s="135">
        <v>26500</v>
      </c>
      <c r="K265" s="136"/>
      <c r="L265" s="136"/>
      <c r="M265" s="136"/>
      <c r="N265" s="136"/>
      <c r="O265" s="137">
        <v>26400</v>
      </c>
      <c r="P265" s="137"/>
      <c r="Q265" s="137"/>
      <c r="R265" s="137"/>
      <c r="S265" s="137"/>
      <c r="T265" s="138">
        <v>26100</v>
      </c>
      <c r="U265" s="138"/>
      <c r="V265" s="138"/>
      <c r="W265" s="138"/>
      <c r="X265" s="139"/>
      <c r="Y265" s="140" t="s">
        <v>95</v>
      </c>
      <c r="Z265" s="141"/>
      <c r="AA265" s="141"/>
      <c r="AB265" s="141"/>
      <c r="AC265" s="141"/>
      <c r="AD265" s="141"/>
      <c r="AE265" s="141"/>
      <c r="AF265" s="141"/>
      <c r="AG265" s="142"/>
    </row>
    <row r="266" spans="1:33" ht="15.95" customHeight="1">
      <c r="A266" s="97" t="s">
        <v>331</v>
      </c>
      <c r="B266" s="98"/>
      <c r="C266" s="98"/>
      <c r="D266" s="98"/>
      <c r="E266" s="98"/>
      <c r="F266" s="98"/>
      <c r="G266" s="98"/>
      <c r="H266" s="98"/>
      <c r="I266" s="99"/>
      <c r="J266" s="100">
        <v>113000</v>
      </c>
      <c r="K266" s="101"/>
      <c r="L266" s="101"/>
      <c r="M266" s="101"/>
      <c r="N266" s="101"/>
      <c r="O266" s="102">
        <v>122000</v>
      </c>
      <c r="P266" s="101"/>
      <c r="Q266" s="101"/>
      <c r="R266" s="101"/>
      <c r="S266" s="101"/>
      <c r="T266" s="103">
        <v>131000</v>
      </c>
      <c r="U266" s="104"/>
      <c r="V266" s="104"/>
      <c r="W266" s="104"/>
      <c r="X266" s="105"/>
      <c r="Y266" s="143" t="s">
        <v>13</v>
      </c>
      <c r="Z266" s="144"/>
      <c r="AA266" s="144"/>
      <c r="AB266" s="144"/>
      <c r="AC266" s="144"/>
      <c r="AD266" s="144"/>
      <c r="AE266" s="144"/>
      <c r="AF266" s="144"/>
      <c r="AG266" s="145"/>
    </row>
    <row r="267" spans="1:33" s="3" customFormat="1" ht="12.95" customHeight="1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D267" s="9"/>
      <c r="AE267" s="9"/>
      <c r="AF267" s="9"/>
      <c r="AG267" s="9" t="s">
        <v>32</v>
      </c>
    </row>
  </sheetData>
  <protectedRanges>
    <protectedRange sqref="D133:AD133" name="範囲1_16"/>
    <protectedRange sqref="G103:K105 R103:V105 AC103:AG105" name="範囲1_19"/>
    <protectedRange sqref="J138:AG138" name="範囲1_20"/>
    <protectedRange sqref="A91:AG91" name="範囲1_13"/>
    <protectedRange sqref="G120:K124 R120:V124 AC120:AG124" name="範囲1_21"/>
    <protectedRange sqref="G110:K115 R110:V115 AC110:AG115" name="範囲1_22"/>
    <protectedRange sqref="E85:P85 W84:W85 AD84:AD85 E84:H84 M84:P84" name="範囲1_9"/>
    <protectedRange sqref="J98:AG98" name="範囲1_8"/>
    <protectedRange sqref="W38:AB39" name="範囲1_13_3"/>
    <protectedRange sqref="L59:AG63" name="範囲1_11"/>
    <protectedRange sqref="L71:AG75" name="範囲1_12"/>
    <protectedRange sqref="J230:X247" name="範囲1_4"/>
    <protectedRange sqref="O253:X266" name="範囲1_14"/>
    <protectedRange sqref="J7 Q7 X7:AG7" name="範囲1_2"/>
    <protectedRange sqref="O13:Q31" name="範囲1_3"/>
    <protectedRange sqref="P215:AG218 P220:AG222" name="範囲1"/>
    <protectedRange sqref="F40:AA40 F39:V39" name="範囲1_1"/>
    <protectedRange sqref="F48:AG49" name="範囲1_6"/>
    <protectedRange sqref="R185:AG206" name="範囲1_5"/>
    <protectedRange sqref="F41:AB41" name="範囲1_5_1"/>
    <protectedRange sqref="F50:AG50" name="範囲1_10"/>
    <protectedRange sqref="AE13:AG27" name="範囲1_1_1"/>
  </protectedRanges>
  <mergeCells count="1024">
    <mergeCell ref="I85:L85"/>
    <mergeCell ref="T82:V82"/>
    <mergeCell ref="I84:L84"/>
    <mergeCell ref="Z190:AG190"/>
    <mergeCell ref="A123:F123"/>
    <mergeCell ref="R13:R29"/>
    <mergeCell ref="AE28:AG28"/>
    <mergeCell ref="S28:AA28"/>
    <mergeCell ref="AB28:AD28"/>
    <mergeCell ref="S29:AA29"/>
    <mergeCell ref="AB29:AD29"/>
    <mergeCell ref="AE29:AG29"/>
    <mergeCell ref="P68:R69"/>
    <mergeCell ref="Y68:AA69"/>
    <mergeCell ref="Y70:AA70"/>
    <mergeCell ref="S68:U69"/>
    <mergeCell ref="L74:O74"/>
    <mergeCell ref="H74:K74"/>
    <mergeCell ref="M83:P83"/>
    <mergeCell ref="AD84:AG84"/>
    <mergeCell ref="A82:D82"/>
    <mergeCell ref="Q82:S82"/>
    <mergeCell ref="M81:P82"/>
    <mergeCell ref="I81:L82"/>
    <mergeCell ref="Q83:S83"/>
    <mergeCell ref="I83:L83"/>
    <mergeCell ref="W84:Y84"/>
    <mergeCell ref="E83:H83"/>
    <mergeCell ref="H70:K70"/>
    <mergeCell ref="C72:E72"/>
    <mergeCell ref="A81:D81"/>
    <mergeCell ref="AE72:AG72"/>
    <mergeCell ref="S72:U72"/>
    <mergeCell ref="S71:U71"/>
    <mergeCell ref="L102:Q102"/>
    <mergeCell ref="AC110:AG110"/>
    <mergeCell ref="AD80:AG80"/>
    <mergeCell ref="P75:R75"/>
    <mergeCell ref="R120:V120"/>
    <mergeCell ref="A105:F105"/>
    <mergeCell ref="R115:V115"/>
    <mergeCell ref="G115:K115"/>
    <mergeCell ref="W90:AG90"/>
    <mergeCell ref="AD83:AG83"/>
    <mergeCell ref="J97:U97"/>
    <mergeCell ref="A91:K91"/>
    <mergeCell ref="A110:F110"/>
    <mergeCell ref="G103:K103"/>
    <mergeCell ref="AD85:AG85"/>
    <mergeCell ref="V98:AG98"/>
    <mergeCell ref="E84:H84"/>
    <mergeCell ref="L90:V90"/>
    <mergeCell ref="Q81:V81"/>
    <mergeCell ref="AE73:AG73"/>
    <mergeCell ref="S75:U75"/>
    <mergeCell ref="S73:U73"/>
    <mergeCell ref="AB74:AD74"/>
    <mergeCell ref="Y75:AA75"/>
    <mergeCell ref="V75:X75"/>
    <mergeCell ref="W85:Y85"/>
    <mergeCell ref="R102:V102"/>
    <mergeCell ref="P74:R74"/>
    <mergeCell ref="H73:K73"/>
    <mergeCell ref="C73:E73"/>
    <mergeCell ref="AB72:AD72"/>
    <mergeCell ref="AB70:AD70"/>
    <mergeCell ref="V71:X71"/>
    <mergeCell ref="AB71:AD71"/>
    <mergeCell ref="F40:K40"/>
    <mergeCell ref="L40:P40"/>
    <mergeCell ref="H72:K72"/>
    <mergeCell ref="F46:S46"/>
    <mergeCell ref="B70:F70"/>
    <mergeCell ref="L63:O63"/>
    <mergeCell ref="C63:E63"/>
    <mergeCell ref="A67:G67"/>
    <mergeCell ref="A80:D80"/>
    <mergeCell ref="A84:D84"/>
    <mergeCell ref="E85:H85"/>
    <mergeCell ref="M84:P84"/>
    <mergeCell ref="A83:D83"/>
    <mergeCell ref="E81:H82"/>
    <mergeCell ref="Q84:S84"/>
    <mergeCell ref="H59:K59"/>
    <mergeCell ref="H62:K62"/>
    <mergeCell ref="Q85:S85"/>
    <mergeCell ref="L73:O73"/>
    <mergeCell ref="H63:K63"/>
    <mergeCell ref="H67:AD67"/>
    <mergeCell ref="H68:K69"/>
    <mergeCell ref="H71:K71"/>
    <mergeCell ref="C71:E71"/>
    <mergeCell ref="P73:R73"/>
    <mergeCell ref="V70:X70"/>
    <mergeCell ref="V68:X69"/>
    <mergeCell ref="Y71:AA71"/>
    <mergeCell ref="Y73:AA73"/>
    <mergeCell ref="L71:O71"/>
    <mergeCell ref="P72:R72"/>
    <mergeCell ref="AB68:AD69"/>
    <mergeCell ref="S132:U132"/>
    <mergeCell ref="AC112:AG112"/>
    <mergeCell ref="AC115:AG115"/>
    <mergeCell ref="W115:AB115"/>
    <mergeCell ref="V133:X133"/>
    <mergeCell ref="W119:AB119"/>
    <mergeCell ref="AC114:AG114"/>
    <mergeCell ref="G113:K113"/>
    <mergeCell ref="G111:K111"/>
    <mergeCell ref="J132:L132"/>
    <mergeCell ref="G120:K120"/>
    <mergeCell ref="S74:U74"/>
    <mergeCell ref="Y74:AA74"/>
    <mergeCell ref="M85:P85"/>
    <mergeCell ref="J98:U98"/>
    <mergeCell ref="AE74:AG74"/>
    <mergeCell ref="AD81:AG82"/>
    <mergeCell ref="V74:X74"/>
    <mergeCell ref="AE75:AG75"/>
    <mergeCell ref="Z81:AC81"/>
    <mergeCell ref="AB75:AD75"/>
    <mergeCell ref="G102:K102"/>
    <mergeCell ref="AC102:AG102"/>
    <mergeCell ref="A97:I97"/>
    <mergeCell ref="H75:K75"/>
    <mergeCell ref="T83:V83"/>
    <mergeCell ref="A103:F103"/>
    <mergeCell ref="L103:Q103"/>
    <mergeCell ref="R103:V103"/>
    <mergeCell ref="A119:F119"/>
    <mergeCell ref="G109:K109"/>
    <mergeCell ref="G114:K114"/>
    <mergeCell ref="P173:Q173"/>
    <mergeCell ref="P174:Q174"/>
    <mergeCell ref="P175:Q175"/>
    <mergeCell ref="P176:Q176"/>
    <mergeCell ref="Z195:AG195"/>
    <mergeCell ref="J194:Q194"/>
    <mergeCell ref="R194:Y194"/>
    <mergeCell ref="O259:S259"/>
    <mergeCell ref="R184:Y184"/>
    <mergeCell ref="R186:Y186"/>
    <mergeCell ref="Z185:AG185"/>
    <mergeCell ref="R193:Y193"/>
    <mergeCell ref="U144:X145"/>
    <mergeCell ref="J138:Q138"/>
    <mergeCell ref="P144:T145"/>
    <mergeCell ref="M133:O133"/>
    <mergeCell ref="Y133:AA133"/>
    <mergeCell ref="P146:T146"/>
    <mergeCell ref="P147:T147"/>
    <mergeCell ref="F143:J145"/>
    <mergeCell ref="Z194:AG194"/>
    <mergeCell ref="J195:Q195"/>
    <mergeCell ref="R191:Y191"/>
    <mergeCell ref="Y243:AG243"/>
    <mergeCell ref="Z188:AG188"/>
    <mergeCell ref="T261:X261"/>
    <mergeCell ref="T259:X259"/>
    <mergeCell ref="T262:X262"/>
    <mergeCell ref="T256:X256"/>
    <mergeCell ref="T258:X258"/>
    <mergeCell ref="O260:S260"/>
    <mergeCell ref="J252:N252"/>
    <mergeCell ref="T260:X260"/>
    <mergeCell ref="T254:X254"/>
    <mergeCell ref="T255:X255"/>
    <mergeCell ref="T253:X253"/>
    <mergeCell ref="O252:S252"/>
    <mergeCell ref="K217:O217"/>
    <mergeCell ref="O245:S245"/>
    <mergeCell ref="T242:X242"/>
    <mergeCell ref="T230:X230"/>
    <mergeCell ref="J255:N255"/>
    <mergeCell ref="J260:N260"/>
    <mergeCell ref="J240:N240"/>
    <mergeCell ref="T246:X246"/>
    <mergeCell ref="O253:S253"/>
    <mergeCell ref="O247:S247"/>
    <mergeCell ref="O256:S256"/>
    <mergeCell ref="O257:S257"/>
    <mergeCell ref="T243:X243"/>
    <mergeCell ref="T238:X238"/>
    <mergeCell ref="J232:N232"/>
    <mergeCell ref="T244:X244"/>
    <mergeCell ref="T240:X240"/>
    <mergeCell ref="O262:S262"/>
    <mergeCell ref="J256:N256"/>
    <mergeCell ref="O254:S254"/>
    <mergeCell ref="Z192:AG192"/>
    <mergeCell ref="R195:Y195"/>
    <mergeCell ref="Z193:AG193"/>
    <mergeCell ref="J191:Q191"/>
    <mergeCell ref="AA176:AC176"/>
    <mergeCell ref="X176:Z176"/>
    <mergeCell ref="O241:S241"/>
    <mergeCell ref="X175:Z175"/>
    <mergeCell ref="R175:T175"/>
    <mergeCell ref="R196:Y196"/>
    <mergeCell ref="R198:Y198"/>
    <mergeCell ref="Z186:AG186"/>
    <mergeCell ref="Z182:AG183"/>
    <mergeCell ref="Z184:AG184"/>
    <mergeCell ref="R185:Y185"/>
    <mergeCell ref="R176:T176"/>
    <mergeCell ref="T241:X241"/>
    <mergeCell ref="J202:Q202"/>
    <mergeCell ref="Z203:AG203"/>
    <mergeCell ref="R203:Y203"/>
    <mergeCell ref="G213:J213"/>
    <mergeCell ref="R206:Y206"/>
    <mergeCell ref="G212:J212"/>
    <mergeCell ref="AC212:AG212"/>
    <mergeCell ref="A206:I206"/>
    <mergeCell ref="Z206:AG206"/>
    <mergeCell ref="Z200:AG200"/>
    <mergeCell ref="R197:Y197"/>
    <mergeCell ref="Z202:AG202"/>
    <mergeCell ref="Z198:AG198"/>
    <mergeCell ref="Z199:AG199"/>
    <mergeCell ref="R200:Y200"/>
    <mergeCell ref="Z197:AG197"/>
    <mergeCell ref="Z201:AG201"/>
    <mergeCell ref="A205:I205"/>
    <mergeCell ref="J198:Q198"/>
    <mergeCell ref="A204:I204"/>
    <mergeCell ref="J199:Q199"/>
    <mergeCell ref="J197:Q197"/>
    <mergeCell ref="A201:I201"/>
    <mergeCell ref="J204:Q204"/>
    <mergeCell ref="A202:I202"/>
    <mergeCell ref="Y212:AB212"/>
    <mergeCell ref="R204:Y204"/>
    <mergeCell ref="Z204:AG204"/>
    <mergeCell ref="A199:I199"/>
    <mergeCell ref="J203:Q203"/>
    <mergeCell ref="A200:I200"/>
    <mergeCell ref="A203:I203"/>
    <mergeCell ref="Z205:AG205"/>
    <mergeCell ref="A212:F212"/>
    <mergeCell ref="J205:Q205"/>
    <mergeCell ref="Y211:AG211"/>
    <mergeCell ref="P212:S212"/>
    <mergeCell ref="AC221:AG221"/>
    <mergeCell ref="Y219:AB219"/>
    <mergeCell ref="T219:X219"/>
    <mergeCell ref="P218:S218"/>
    <mergeCell ref="J230:N230"/>
    <mergeCell ref="Y222:AB222"/>
    <mergeCell ref="AC216:AG216"/>
    <mergeCell ref="J201:Q201"/>
    <mergeCell ref="AC217:AG217"/>
    <mergeCell ref="A228:I228"/>
    <mergeCell ref="Y237:AG237"/>
    <mergeCell ref="T222:X222"/>
    <mergeCell ref="O246:S246"/>
    <mergeCell ref="T245:X245"/>
    <mergeCell ref="T236:X236"/>
    <mergeCell ref="T237:X237"/>
    <mergeCell ref="Y238:AG238"/>
    <mergeCell ref="J239:N239"/>
    <mergeCell ref="A220:F220"/>
    <mergeCell ref="K219:O219"/>
    <mergeCell ref="G220:J220"/>
    <mergeCell ref="K220:O220"/>
    <mergeCell ref="T217:X217"/>
    <mergeCell ref="P217:S217"/>
    <mergeCell ref="A219:F219"/>
    <mergeCell ref="A217:F217"/>
    <mergeCell ref="G217:J217"/>
    <mergeCell ref="K222:O222"/>
    <mergeCell ref="P221:S221"/>
    <mergeCell ref="Y233:AG233"/>
    <mergeCell ref="AC222:AG222"/>
    <mergeCell ref="A246:I246"/>
    <mergeCell ref="AC219:AG219"/>
    <mergeCell ref="Y218:AB218"/>
    <mergeCell ref="O230:S230"/>
    <mergeCell ref="A218:F218"/>
    <mergeCell ref="G219:J219"/>
    <mergeCell ref="Y217:AB217"/>
    <mergeCell ref="Y263:AG263"/>
    <mergeCell ref="Y260:AG260"/>
    <mergeCell ref="Y255:AG255"/>
    <mergeCell ref="Y259:AG259"/>
    <mergeCell ref="Y258:AG258"/>
    <mergeCell ref="Y262:AG262"/>
    <mergeCell ref="Y256:AG256"/>
    <mergeCell ref="Y261:AG261"/>
    <mergeCell ref="Y257:AG257"/>
    <mergeCell ref="Y235:AG235"/>
    <mergeCell ref="Y241:AG241"/>
    <mergeCell ref="Y240:AG240"/>
    <mergeCell ref="Y246:AG246"/>
    <mergeCell ref="Y254:AG254"/>
    <mergeCell ref="Y236:AG236"/>
    <mergeCell ref="Y242:AG242"/>
    <mergeCell ref="T257:X257"/>
    <mergeCell ref="T235:X235"/>
    <mergeCell ref="Y253:AG253"/>
    <mergeCell ref="Y239:AG239"/>
    <mergeCell ref="Y245:AG245"/>
    <mergeCell ref="T239:X239"/>
    <mergeCell ref="Y251:AG252"/>
    <mergeCell ref="T247:X247"/>
    <mergeCell ref="T252:X252"/>
    <mergeCell ref="J251:X251"/>
    <mergeCell ref="T263:X263"/>
    <mergeCell ref="O258:S258"/>
    <mergeCell ref="O255:S255"/>
    <mergeCell ref="O263:S263"/>
    <mergeCell ref="J242:N242"/>
    <mergeCell ref="J238:N238"/>
    <mergeCell ref="Z191:AG191"/>
    <mergeCell ref="AC215:AG215"/>
    <mergeCell ref="P211:X211"/>
    <mergeCell ref="Z189:AG189"/>
    <mergeCell ref="K213:O213"/>
    <mergeCell ref="AC220:AG220"/>
    <mergeCell ref="A224:AG224"/>
    <mergeCell ref="AC218:AG218"/>
    <mergeCell ref="T220:X220"/>
    <mergeCell ref="P216:S216"/>
    <mergeCell ref="T216:X216"/>
    <mergeCell ref="T234:X234"/>
    <mergeCell ref="O233:S233"/>
    <mergeCell ref="O231:S231"/>
    <mergeCell ref="J231:N231"/>
    <mergeCell ref="T232:X232"/>
    <mergeCell ref="J234:N234"/>
    <mergeCell ref="T233:X233"/>
    <mergeCell ref="T218:X218"/>
    <mergeCell ref="P222:S222"/>
    <mergeCell ref="Y234:AG234"/>
    <mergeCell ref="Y228:AG229"/>
    <mergeCell ref="Y231:AG231"/>
    <mergeCell ref="J228:X228"/>
    <mergeCell ref="Y232:AG232"/>
    <mergeCell ref="O229:S229"/>
    <mergeCell ref="Y230:AG230"/>
    <mergeCell ref="T229:X229"/>
    <mergeCell ref="T231:X231"/>
    <mergeCell ref="O232:S232"/>
    <mergeCell ref="Y221:AB221"/>
    <mergeCell ref="T221:X221"/>
    <mergeCell ref="AD172:AF172"/>
    <mergeCell ref="X168:Z169"/>
    <mergeCell ref="AA168:AC169"/>
    <mergeCell ref="X158:AA158"/>
    <mergeCell ref="G122:K122"/>
    <mergeCell ref="Z196:AG196"/>
    <mergeCell ref="R199:Y199"/>
    <mergeCell ref="R201:Y201"/>
    <mergeCell ref="N171:O171"/>
    <mergeCell ref="R189:Y189"/>
    <mergeCell ref="Y215:AB215"/>
    <mergeCell ref="T212:X212"/>
    <mergeCell ref="Z187:AG187"/>
    <mergeCell ref="R182:Y183"/>
    <mergeCell ref="J185:Q185"/>
    <mergeCell ref="J206:Q206"/>
    <mergeCell ref="K214:O214"/>
    <mergeCell ref="AC213:AG213"/>
    <mergeCell ref="T214:X214"/>
    <mergeCell ref="U171:W171"/>
    <mergeCell ref="AC214:AG214"/>
    <mergeCell ref="T213:X213"/>
    <mergeCell ref="J196:Q196"/>
    <mergeCell ref="J190:Q190"/>
    <mergeCell ref="Y214:AB214"/>
    <mergeCell ref="Y213:AB213"/>
    <mergeCell ref="U173:W173"/>
    <mergeCell ref="U174:W174"/>
    <mergeCell ref="AD171:AF171"/>
    <mergeCell ref="X161:AA161"/>
    <mergeCell ref="AA170:AC170"/>
    <mergeCell ref="AC113:AG113"/>
    <mergeCell ref="W111:AB111"/>
    <mergeCell ref="L112:Q112"/>
    <mergeCell ref="L114:Q114"/>
    <mergeCell ref="L113:Q113"/>
    <mergeCell ref="W113:AB113"/>
    <mergeCell ref="W114:AB114"/>
    <mergeCell ref="W112:AB112"/>
    <mergeCell ref="Y146:AC146"/>
    <mergeCell ref="M160:P160"/>
    <mergeCell ref="X160:AA160"/>
    <mergeCell ref="W122:AB122"/>
    <mergeCell ref="W124:AB124"/>
    <mergeCell ref="W123:AB123"/>
    <mergeCell ref="AE155:AG156"/>
    <mergeCell ref="AE157:AG157"/>
    <mergeCell ref="AE158:AG158"/>
    <mergeCell ref="AE159:AG159"/>
    <mergeCell ref="P171:Q171"/>
    <mergeCell ref="P168:Q169"/>
    <mergeCell ref="P170:Q170"/>
    <mergeCell ref="P148:T148"/>
    <mergeCell ref="U143:AC143"/>
    <mergeCell ref="L111:Q111"/>
    <mergeCell ref="R172:T172"/>
    <mergeCell ref="R174:T174"/>
    <mergeCell ref="P172:Q172"/>
    <mergeCell ref="N170:O170"/>
    <mergeCell ref="Q162:S162"/>
    <mergeCell ref="K148:O148"/>
    <mergeCell ref="C147:E147"/>
    <mergeCell ref="R113:V113"/>
    <mergeCell ref="R112:V112"/>
    <mergeCell ref="S133:U133"/>
    <mergeCell ref="A127:AG127"/>
    <mergeCell ref="R123:V123"/>
    <mergeCell ref="AB159:AD159"/>
    <mergeCell ref="G123:K123"/>
    <mergeCell ref="Z83:AC83"/>
    <mergeCell ref="U168:W169"/>
    <mergeCell ref="T159:W159"/>
    <mergeCell ref="I157:L157"/>
    <mergeCell ref="E159:H159"/>
    <mergeCell ref="A85:D85"/>
    <mergeCell ref="A102:F102"/>
    <mergeCell ref="G132:I132"/>
    <mergeCell ref="A160:D160"/>
    <mergeCell ref="A162:D162"/>
    <mergeCell ref="M159:P159"/>
    <mergeCell ref="T157:W157"/>
    <mergeCell ref="A122:F122"/>
    <mergeCell ref="A90:K90"/>
    <mergeCell ref="A147:B147"/>
    <mergeCell ref="A109:F109"/>
    <mergeCell ref="A145:E145"/>
    <mergeCell ref="R109:V109"/>
    <mergeCell ref="W110:AB110"/>
    <mergeCell ref="R105:V105"/>
    <mergeCell ref="L104:Q104"/>
    <mergeCell ref="M161:P161"/>
    <mergeCell ref="G168:I169"/>
    <mergeCell ref="A159:D159"/>
    <mergeCell ref="A169:F169"/>
    <mergeCell ref="E158:H158"/>
    <mergeCell ref="Q155:AA155"/>
    <mergeCell ref="X159:AA159"/>
    <mergeCell ref="T160:W160"/>
    <mergeCell ref="T162:W162"/>
    <mergeCell ref="Q161:S161"/>
    <mergeCell ref="A158:D158"/>
    <mergeCell ref="W103:AB103"/>
    <mergeCell ref="Z137:AG137"/>
    <mergeCell ref="W109:AB109"/>
    <mergeCell ref="L110:Q110"/>
    <mergeCell ref="V132:X132"/>
    <mergeCell ref="AC124:AG124"/>
    <mergeCell ref="AC120:AG120"/>
    <mergeCell ref="R110:V110"/>
    <mergeCell ref="R119:V119"/>
    <mergeCell ref="G105:K105"/>
    <mergeCell ref="A104:F104"/>
    <mergeCell ref="L105:Q105"/>
    <mergeCell ref="L119:Q119"/>
    <mergeCell ref="Q158:S158"/>
    <mergeCell ref="M157:P157"/>
    <mergeCell ref="I159:L159"/>
    <mergeCell ref="A114:F114"/>
    <mergeCell ref="G110:K110"/>
    <mergeCell ref="A113:F113"/>
    <mergeCell ref="A112:F112"/>
    <mergeCell ref="R138:Y138"/>
    <mergeCell ref="J170:K170"/>
    <mergeCell ref="G170:I170"/>
    <mergeCell ref="Q157:S157"/>
    <mergeCell ref="X156:AA156"/>
    <mergeCell ref="Q159:S159"/>
    <mergeCell ref="X170:Z170"/>
    <mergeCell ref="AE160:AG160"/>
    <mergeCell ref="AB160:AD160"/>
    <mergeCell ref="AE161:AG161"/>
    <mergeCell ref="AB161:AD161"/>
    <mergeCell ref="AE162:AG162"/>
    <mergeCell ref="AB162:AD162"/>
    <mergeCell ref="AD168:AF169"/>
    <mergeCell ref="T161:W161"/>
    <mergeCell ref="Q160:S160"/>
    <mergeCell ref="X162:AA162"/>
    <mergeCell ref="L91:V91"/>
    <mergeCell ref="P133:R133"/>
    <mergeCell ref="L124:Q124"/>
    <mergeCell ref="R114:V114"/>
    <mergeCell ref="R111:V111"/>
    <mergeCell ref="L170:M170"/>
    <mergeCell ref="J168:K169"/>
    <mergeCell ref="E161:H161"/>
    <mergeCell ref="E157:H157"/>
    <mergeCell ref="I162:L162"/>
    <mergeCell ref="F146:J146"/>
    <mergeCell ref="U146:X146"/>
    <mergeCell ref="N168:O169"/>
    <mergeCell ref="L168:M169"/>
    <mergeCell ref="M162:P162"/>
    <mergeCell ref="R104:V104"/>
    <mergeCell ref="Y220:AB220"/>
    <mergeCell ref="A188:I188"/>
    <mergeCell ref="T215:X215"/>
    <mergeCell ref="Y216:AB216"/>
    <mergeCell ref="J200:Q200"/>
    <mergeCell ref="G173:I173"/>
    <mergeCell ref="A172:F172"/>
    <mergeCell ref="Z84:AC84"/>
    <mergeCell ref="T84:V84"/>
    <mergeCell ref="T85:V85"/>
    <mergeCell ref="Z85:AC85"/>
    <mergeCell ref="W102:AB102"/>
    <mergeCell ref="AC105:AG105"/>
    <mergeCell ref="AC123:AG123"/>
    <mergeCell ref="W120:AB120"/>
    <mergeCell ref="K146:O146"/>
    <mergeCell ref="I158:L158"/>
    <mergeCell ref="A168:F168"/>
    <mergeCell ref="E160:H160"/>
    <mergeCell ref="I161:L161"/>
    <mergeCell ref="A143:E143"/>
    <mergeCell ref="A111:F111"/>
    <mergeCell ref="A115:F115"/>
    <mergeCell ref="D133:F133"/>
    <mergeCell ref="A132:C132"/>
    <mergeCell ref="J172:K172"/>
    <mergeCell ref="A170:F170"/>
    <mergeCell ref="U147:X147"/>
    <mergeCell ref="U148:X148"/>
    <mergeCell ref="Z138:AG138"/>
    <mergeCell ref="R124:V124"/>
    <mergeCell ref="K147:O147"/>
    <mergeCell ref="R190:Y190"/>
    <mergeCell ref="R192:Y192"/>
    <mergeCell ref="R205:Y205"/>
    <mergeCell ref="A189:I189"/>
    <mergeCell ref="L173:M173"/>
    <mergeCell ref="J176:K176"/>
    <mergeCell ref="N175:O175"/>
    <mergeCell ref="P214:S214"/>
    <mergeCell ref="R187:Y187"/>
    <mergeCell ref="A185:I185"/>
    <mergeCell ref="G175:I175"/>
    <mergeCell ref="U176:W176"/>
    <mergeCell ref="U175:W175"/>
    <mergeCell ref="A184:I184"/>
    <mergeCell ref="A182:I182"/>
    <mergeCell ref="A174:F174"/>
    <mergeCell ref="J182:Q183"/>
    <mergeCell ref="G176:I176"/>
    <mergeCell ref="J174:K174"/>
    <mergeCell ref="L176:M176"/>
    <mergeCell ref="A211:F211"/>
    <mergeCell ref="R202:Y202"/>
    <mergeCell ref="J189:Q189"/>
    <mergeCell ref="R188:Y188"/>
    <mergeCell ref="A196:I196"/>
    <mergeCell ref="A192:I192"/>
    <mergeCell ref="J188:Q188"/>
    <mergeCell ref="J193:Q193"/>
    <mergeCell ref="A195:I195"/>
    <mergeCell ref="A197:I197"/>
    <mergeCell ref="A198:I198"/>
    <mergeCell ref="A190:I190"/>
    <mergeCell ref="O261:S261"/>
    <mergeCell ref="K215:O215"/>
    <mergeCell ref="J236:N236"/>
    <mergeCell ref="J235:N235"/>
    <mergeCell ref="A242:I242"/>
    <mergeCell ref="O240:S240"/>
    <mergeCell ref="A236:I236"/>
    <mergeCell ref="A244:I244"/>
    <mergeCell ref="J233:N233"/>
    <mergeCell ref="O236:S236"/>
    <mergeCell ref="J254:N254"/>
    <mergeCell ref="A222:F222"/>
    <mergeCell ref="J229:N229"/>
    <mergeCell ref="A230:I230"/>
    <mergeCell ref="O239:S239"/>
    <mergeCell ref="O234:S234"/>
    <mergeCell ref="J245:N245"/>
    <mergeCell ref="A234:I234"/>
    <mergeCell ref="A252:I252"/>
    <mergeCell ref="O237:S237"/>
    <mergeCell ref="O238:S238"/>
    <mergeCell ref="A243:I243"/>
    <mergeCell ref="J243:N243"/>
    <mergeCell ref="O243:S243"/>
    <mergeCell ref="K221:O221"/>
    <mergeCell ref="A221:F221"/>
    <mergeCell ref="K218:O218"/>
    <mergeCell ref="G218:J218"/>
    <mergeCell ref="A193:I193"/>
    <mergeCell ref="A194:I194"/>
    <mergeCell ref="A191:I191"/>
    <mergeCell ref="G216:J216"/>
    <mergeCell ref="O235:S235"/>
    <mergeCell ref="A216:F216"/>
    <mergeCell ref="A235:I235"/>
    <mergeCell ref="A231:I231"/>
    <mergeCell ref="P219:S219"/>
    <mergeCell ref="A233:I233"/>
    <mergeCell ref="J241:N241"/>
    <mergeCell ref="O242:S242"/>
    <mergeCell ref="K212:O212"/>
    <mergeCell ref="A214:F214"/>
    <mergeCell ref="G215:J215"/>
    <mergeCell ref="G222:J222"/>
    <mergeCell ref="G221:J221"/>
    <mergeCell ref="K216:O216"/>
    <mergeCell ref="P215:S215"/>
    <mergeCell ref="A232:I232"/>
    <mergeCell ref="A215:F215"/>
    <mergeCell ref="P220:S220"/>
    <mergeCell ref="A229:I229"/>
    <mergeCell ref="G211:O211"/>
    <mergeCell ref="A213:F213"/>
    <mergeCell ref="J192:Q192"/>
    <mergeCell ref="P213:S213"/>
    <mergeCell ref="G214:J214"/>
    <mergeCell ref="A263:I263"/>
    <mergeCell ref="A260:I260"/>
    <mergeCell ref="A262:I262"/>
    <mergeCell ref="A261:I261"/>
    <mergeCell ref="A257:I257"/>
    <mergeCell ref="A259:I259"/>
    <mergeCell ref="A254:I254"/>
    <mergeCell ref="J257:N257"/>
    <mergeCell ref="A256:I256"/>
    <mergeCell ref="A258:I258"/>
    <mergeCell ref="J237:N237"/>
    <mergeCell ref="A237:I237"/>
    <mergeCell ref="A241:I241"/>
    <mergeCell ref="A238:I238"/>
    <mergeCell ref="A247:I247"/>
    <mergeCell ref="J247:N247"/>
    <mergeCell ref="A245:I245"/>
    <mergeCell ref="J253:N253"/>
    <mergeCell ref="J244:N244"/>
    <mergeCell ref="J263:N263"/>
    <mergeCell ref="J258:N258"/>
    <mergeCell ref="A239:I239"/>
    <mergeCell ref="A251:I251"/>
    <mergeCell ref="A240:I240"/>
    <mergeCell ref="J246:N246"/>
    <mergeCell ref="J262:N262"/>
    <mergeCell ref="J261:N261"/>
    <mergeCell ref="A186:I186"/>
    <mergeCell ref="A183:I183"/>
    <mergeCell ref="G174:I174"/>
    <mergeCell ref="J186:Q186"/>
    <mergeCell ref="A187:I187"/>
    <mergeCell ref="J184:Q184"/>
    <mergeCell ref="N176:O176"/>
    <mergeCell ref="N174:O174"/>
    <mergeCell ref="A176:F176"/>
    <mergeCell ref="A175:F175"/>
    <mergeCell ref="J175:K175"/>
    <mergeCell ref="L175:M175"/>
    <mergeCell ref="J187:Q187"/>
    <mergeCell ref="AA174:AC174"/>
    <mergeCell ref="AA172:AC172"/>
    <mergeCell ref="AA171:AC171"/>
    <mergeCell ref="R171:T171"/>
    <mergeCell ref="N172:O172"/>
    <mergeCell ref="L174:M174"/>
    <mergeCell ref="X171:Z171"/>
    <mergeCell ref="AA175:AC175"/>
    <mergeCell ref="X174:Z174"/>
    <mergeCell ref="X173:Z173"/>
    <mergeCell ref="N173:O173"/>
    <mergeCell ref="AA173:AC173"/>
    <mergeCell ref="U172:W172"/>
    <mergeCell ref="X172:Z172"/>
    <mergeCell ref="G172:I172"/>
    <mergeCell ref="L172:M172"/>
    <mergeCell ref="J171:K171"/>
    <mergeCell ref="L171:M171"/>
    <mergeCell ref="R173:T173"/>
    <mergeCell ref="W83:Y83"/>
    <mergeCell ref="S70:U70"/>
    <mergeCell ref="E80:H80"/>
    <mergeCell ref="I80:L80"/>
    <mergeCell ref="A69:G69"/>
    <mergeCell ref="L72:O72"/>
    <mergeCell ref="F148:J148"/>
    <mergeCell ref="J137:Q137"/>
    <mergeCell ref="A138:I138"/>
    <mergeCell ref="C146:E146"/>
    <mergeCell ref="F147:J147"/>
    <mergeCell ref="T158:W158"/>
    <mergeCell ref="X157:AA157"/>
    <mergeCell ref="M158:P158"/>
    <mergeCell ref="L115:Q115"/>
    <mergeCell ref="L120:Q120"/>
    <mergeCell ref="L109:Q109"/>
    <mergeCell ref="K143:T143"/>
    <mergeCell ref="C74:E74"/>
    <mergeCell ref="W81:Y82"/>
    <mergeCell ref="G112:K112"/>
    <mergeCell ref="K144:O145"/>
    <mergeCell ref="C75:E75"/>
    <mergeCell ref="L75:O75"/>
    <mergeCell ref="M80:V80"/>
    <mergeCell ref="A98:I98"/>
    <mergeCell ref="M132:O132"/>
    <mergeCell ref="A124:F124"/>
    <mergeCell ref="L123:Q123"/>
    <mergeCell ref="R137:Y137"/>
    <mergeCell ref="A137:I137"/>
    <mergeCell ref="G104:K104"/>
    <mergeCell ref="L12:Q12"/>
    <mergeCell ref="A12:K12"/>
    <mergeCell ref="A24:K24"/>
    <mergeCell ref="B18:K18"/>
    <mergeCell ref="B19:K19"/>
    <mergeCell ref="L58:O58"/>
    <mergeCell ref="L41:P41"/>
    <mergeCell ref="A48:E48"/>
    <mergeCell ref="A55:G55"/>
    <mergeCell ref="H60:K60"/>
    <mergeCell ref="L61:O61"/>
    <mergeCell ref="P61:R61"/>
    <mergeCell ref="A49:E49"/>
    <mergeCell ref="A50:E50"/>
    <mergeCell ref="F49:S49"/>
    <mergeCell ref="A57:G57"/>
    <mergeCell ref="P60:R60"/>
    <mergeCell ref="H61:K61"/>
    <mergeCell ref="S56:U57"/>
    <mergeCell ref="A40:E40"/>
    <mergeCell ref="A41:E41"/>
    <mergeCell ref="H56:K57"/>
    <mergeCell ref="S22:AA22"/>
    <mergeCell ref="L17:N17"/>
    <mergeCell ref="L15:N15"/>
    <mergeCell ref="O13:Q13"/>
    <mergeCell ref="O14:Q14"/>
    <mergeCell ref="O16:Q16"/>
    <mergeCell ref="O17:Q17"/>
    <mergeCell ref="O15:Q15"/>
    <mergeCell ref="L16:N16"/>
    <mergeCell ref="W41:AB41"/>
    <mergeCell ref="AB12:AG12"/>
    <mergeCell ref="R12:AA12"/>
    <mergeCell ref="S63:U63"/>
    <mergeCell ref="C59:E59"/>
    <mergeCell ref="C62:E62"/>
    <mergeCell ref="L56:O57"/>
    <mergeCell ref="H58:K58"/>
    <mergeCell ref="L59:O59"/>
    <mergeCell ref="L60:O60"/>
    <mergeCell ref="S61:U61"/>
    <mergeCell ref="A46:E46"/>
    <mergeCell ref="H55:AD55"/>
    <mergeCell ref="P58:R58"/>
    <mergeCell ref="F48:S48"/>
    <mergeCell ref="F41:K41"/>
    <mergeCell ref="A47:E47"/>
    <mergeCell ref="B58:F58"/>
    <mergeCell ref="F47:S47"/>
    <mergeCell ref="F50:S50"/>
    <mergeCell ref="Y56:AA57"/>
    <mergeCell ref="T48:AG48"/>
    <mergeCell ref="T49:AG49"/>
    <mergeCell ref="T50:AG50"/>
    <mergeCell ref="S62:U62"/>
    <mergeCell ref="C61:E61"/>
    <mergeCell ref="C60:E60"/>
    <mergeCell ref="P56:R57"/>
    <mergeCell ref="P62:R62"/>
    <mergeCell ref="Q41:V41"/>
    <mergeCell ref="L14:N14"/>
    <mergeCell ref="L13:N13"/>
    <mergeCell ref="B15:K15"/>
    <mergeCell ref="B21:K21"/>
    <mergeCell ref="O30:Q30"/>
    <mergeCell ref="L24:N24"/>
    <mergeCell ref="AE17:AG17"/>
    <mergeCell ref="AE18:AG18"/>
    <mergeCell ref="AE13:AG13"/>
    <mergeCell ref="AE14:AG14"/>
    <mergeCell ref="AE15:AG15"/>
    <mergeCell ref="AE16:AG16"/>
    <mergeCell ref="AB14:AD14"/>
    <mergeCell ref="AB16:AD16"/>
    <mergeCell ref="AE20:AG20"/>
    <mergeCell ref="O28:Q28"/>
    <mergeCell ref="AE26:AG26"/>
    <mergeCell ref="S15:AA15"/>
    <mergeCell ref="S17:AA17"/>
    <mergeCell ref="B16:K16"/>
    <mergeCell ref="B22:K22"/>
    <mergeCell ref="AB25:AD25"/>
    <mergeCell ref="AE25:AG25"/>
    <mergeCell ref="AB26:AD26"/>
    <mergeCell ref="AB17:AD17"/>
    <mergeCell ref="S18:AA18"/>
    <mergeCell ref="L27:N27"/>
    <mergeCell ref="S27:AA27"/>
    <mergeCell ref="AB27:AD27"/>
    <mergeCell ref="AE27:AG27"/>
    <mergeCell ref="AE19:AG19"/>
    <mergeCell ref="A25:A29"/>
    <mergeCell ref="S20:AA20"/>
    <mergeCell ref="AB20:AD20"/>
    <mergeCell ref="AE23:AG23"/>
    <mergeCell ref="B23:K23"/>
    <mergeCell ref="L26:N26"/>
    <mergeCell ref="B27:K27"/>
    <mergeCell ref="B29:K29"/>
    <mergeCell ref="A36:E37"/>
    <mergeCell ref="B28:K28"/>
    <mergeCell ref="F38:K38"/>
    <mergeCell ref="F39:K39"/>
    <mergeCell ref="B17:K17"/>
    <mergeCell ref="O26:Q26"/>
    <mergeCell ref="O21:Q21"/>
    <mergeCell ref="O19:Q19"/>
    <mergeCell ref="B26:K26"/>
    <mergeCell ref="B20:K20"/>
    <mergeCell ref="O18:Q18"/>
    <mergeCell ref="L39:P39"/>
    <mergeCell ref="O23:Q23"/>
    <mergeCell ref="A39:E39"/>
    <mergeCell ref="A38:E38"/>
    <mergeCell ref="F36:K37"/>
    <mergeCell ref="A31:K31"/>
    <mergeCell ref="A30:K30"/>
    <mergeCell ref="A13:A23"/>
    <mergeCell ref="B13:K13"/>
    <mergeCell ref="B14:K14"/>
    <mergeCell ref="B25:K25"/>
    <mergeCell ref="L25:N25"/>
    <mergeCell ref="O25:Q25"/>
    <mergeCell ref="M7:P7"/>
    <mergeCell ref="S14:AA14"/>
    <mergeCell ref="Y62:AA62"/>
    <mergeCell ref="AE70:AG70"/>
    <mergeCell ref="V97:AG97"/>
    <mergeCell ref="O31:Q31"/>
    <mergeCell ref="L28:N28"/>
    <mergeCell ref="O24:Q24"/>
    <mergeCell ref="O27:Q27"/>
    <mergeCell ref="L22:N22"/>
    <mergeCell ref="AB24:AD24"/>
    <mergeCell ref="AE61:AG61"/>
    <mergeCell ref="W105:AB105"/>
    <mergeCell ref="AE62:AG62"/>
    <mergeCell ref="AC109:AG109"/>
    <mergeCell ref="Y63:AA63"/>
    <mergeCell ref="W80:AC80"/>
    <mergeCell ref="AE71:AG71"/>
    <mergeCell ref="P63:R63"/>
    <mergeCell ref="W104:AB104"/>
    <mergeCell ref="V72:X72"/>
    <mergeCell ref="V73:X73"/>
    <mergeCell ref="Y72:AA72"/>
    <mergeCell ref="AB73:AD73"/>
    <mergeCell ref="Y60:AA60"/>
    <mergeCell ref="V61:X61"/>
    <mergeCell ref="AB56:AD57"/>
    <mergeCell ref="P59:R59"/>
    <mergeCell ref="V62:X62"/>
    <mergeCell ref="AB60:AD60"/>
    <mergeCell ref="AB61:AD61"/>
    <mergeCell ref="AE58:AG58"/>
    <mergeCell ref="AE59:AG59"/>
    <mergeCell ref="AE63:AG63"/>
    <mergeCell ref="Y59:AA59"/>
    <mergeCell ref="AB62:AD62"/>
    <mergeCell ref="Y58:AA58"/>
    <mergeCell ref="V60:X60"/>
    <mergeCell ref="O20:Q20"/>
    <mergeCell ref="V56:X57"/>
    <mergeCell ref="L20:N20"/>
    <mergeCell ref="L21:N21"/>
    <mergeCell ref="T46:AG46"/>
    <mergeCell ref="L19:N19"/>
    <mergeCell ref="AE21:AG21"/>
    <mergeCell ref="AB63:AD63"/>
    <mergeCell ref="V59:X59"/>
    <mergeCell ref="AE60:AG60"/>
    <mergeCell ref="AE55:AG57"/>
    <mergeCell ref="T47:AG47"/>
    <mergeCell ref="W38:AB38"/>
    <mergeCell ref="O22:Q22"/>
    <mergeCell ref="L23:N23"/>
    <mergeCell ref="L30:N30"/>
    <mergeCell ref="L29:N29"/>
    <mergeCell ref="AB19:AD19"/>
    <mergeCell ref="S19:AA19"/>
    <mergeCell ref="AB21:AD21"/>
    <mergeCell ref="S21:AA21"/>
    <mergeCell ref="L31:N31"/>
    <mergeCell ref="Q40:V40"/>
    <mergeCell ref="V63:X63"/>
    <mergeCell ref="A1:AG1"/>
    <mergeCell ref="A7:E7"/>
    <mergeCell ref="M6:S6"/>
    <mergeCell ref="T6:Z6"/>
    <mergeCell ref="A5:E6"/>
    <mergeCell ref="T5:Z5"/>
    <mergeCell ref="F5:L6"/>
    <mergeCell ref="M5:S5"/>
    <mergeCell ref="J7:L7"/>
    <mergeCell ref="F7:I7"/>
    <mergeCell ref="AB13:AD13"/>
    <mergeCell ref="S13:AA13"/>
    <mergeCell ref="S25:AA25"/>
    <mergeCell ref="S26:AA26"/>
    <mergeCell ref="AE67:AG69"/>
    <mergeCell ref="AE22:AG22"/>
    <mergeCell ref="O29:Q29"/>
    <mergeCell ref="Q36:V37"/>
    <mergeCell ref="W37:AB37"/>
    <mergeCell ref="L37:P37"/>
    <mergeCell ref="S58:U58"/>
    <mergeCell ref="AB58:AD58"/>
    <mergeCell ref="Y61:AA61"/>
    <mergeCell ref="L18:N18"/>
    <mergeCell ref="S24:AA24"/>
    <mergeCell ref="X7:Z7"/>
    <mergeCell ref="S23:AA23"/>
    <mergeCell ref="AB23:AD23"/>
    <mergeCell ref="L36:P36"/>
    <mergeCell ref="Q38:V38"/>
    <mergeCell ref="AA5:AG6"/>
    <mergeCell ref="AA7:AG7"/>
    <mergeCell ref="Q7:S7"/>
    <mergeCell ref="T7:W7"/>
    <mergeCell ref="E155:H156"/>
    <mergeCell ref="AB15:AD15"/>
    <mergeCell ref="AB22:AD22"/>
    <mergeCell ref="L121:Q121"/>
    <mergeCell ref="G121:K121"/>
    <mergeCell ref="L122:Q122"/>
    <mergeCell ref="AC119:AG119"/>
    <mergeCell ref="W121:AB121"/>
    <mergeCell ref="R121:V121"/>
    <mergeCell ref="AC122:AG122"/>
    <mergeCell ref="AC121:AG121"/>
    <mergeCell ref="G119:K119"/>
    <mergeCell ref="A120:F120"/>
    <mergeCell ref="A121:F121"/>
    <mergeCell ref="R122:V122"/>
    <mergeCell ref="AC111:AG111"/>
    <mergeCell ref="S60:U60"/>
    <mergeCell ref="S59:U59"/>
    <mergeCell ref="V58:X58"/>
    <mergeCell ref="AC104:AG104"/>
    <mergeCell ref="W91:AG91"/>
    <mergeCell ref="W39:AB39"/>
    <mergeCell ref="W40:AB40"/>
    <mergeCell ref="M155:P156"/>
    <mergeCell ref="Q156:S156"/>
    <mergeCell ref="S16:AA16"/>
    <mergeCell ref="AB18:AD18"/>
    <mergeCell ref="Q39:V39"/>
    <mergeCell ref="AB59:AD59"/>
    <mergeCell ref="L62:O62"/>
    <mergeCell ref="A264:I264"/>
    <mergeCell ref="AB155:AD156"/>
    <mergeCell ref="AC103:AG103"/>
    <mergeCell ref="Z82:AC82"/>
    <mergeCell ref="O264:S264"/>
    <mergeCell ref="T264:X264"/>
    <mergeCell ref="Y244:AG244"/>
    <mergeCell ref="A253:I253"/>
    <mergeCell ref="O244:S244"/>
    <mergeCell ref="A255:I255"/>
    <mergeCell ref="J259:N259"/>
    <mergeCell ref="G133:I133"/>
    <mergeCell ref="P132:R132"/>
    <mergeCell ref="AD176:AF176"/>
    <mergeCell ref="AD175:AF175"/>
    <mergeCell ref="AD174:AF174"/>
    <mergeCell ref="AD173:AF173"/>
    <mergeCell ref="AD170:AF170"/>
    <mergeCell ref="U170:W170"/>
    <mergeCell ref="A173:F173"/>
    <mergeCell ref="A146:B146"/>
    <mergeCell ref="A133:C133"/>
    <mergeCell ref="C148:E148"/>
    <mergeCell ref="Y147:AC147"/>
    <mergeCell ref="Y148:AC148"/>
    <mergeCell ref="Y144:AC145"/>
    <mergeCell ref="AB157:AD157"/>
    <mergeCell ref="E162:H162"/>
    <mergeCell ref="A161:D161"/>
    <mergeCell ref="A155:D157"/>
    <mergeCell ref="I155:L156"/>
    <mergeCell ref="I160:L160"/>
    <mergeCell ref="J264:N264"/>
    <mergeCell ref="AB158:AD158"/>
    <mergeCell ref="A171:F171"/>
    <mergeCell ref="A266:I266"/>
    <mergeCell ref="J266:N266"/>
    <mergeCell ref="O266:S266"/>
    <mergeCell ref="T266:X266"/>
    <mergeCell ref="AE24:AG24"/>
    <mergeCell ref="L68:O69"/>
    <mergeCell ref="L70:O70"/>
    <mergeCell ref="P70:R70"/>
    <mergeCell ref="P71:R71"/>
    <mergeCell ref="L38:P38"/>
    <mergeCell ref="J133:L133"/>
    <mergeCell ref="G124:K124"/>
    <mergeCell ref="D132:F132"/>
    <mergeCell ref="Y132:AA132"/>
    <mergeCell ref="A148:B148"/>
    <mergeCell ref="J173:K173"/>
    <mergeCell ref="R168:T169"/>
    <mergeCell ref="G171:I171"/>
    <mergeCell ref="A265:I265"/>
    <mergeCell ref="J265:N265"/>
    <mergeCell ref="O265:S265"/>
    <mergeCell ref="T265:X265"/>
    <mergeCell ref="Y265:AG265"/>
    <mergeCell ref="Y266:AG266"/>
    <mergeCell ref="T156:W156"/>
    <mergeCell ref="R170:T170"/>
    <mergeCell ref="AB132:AD132"/>
    <mergeCell ref="AB133:AD133"/>
    <mergeCell ref="Y264:AG264"/>
  </mergeCells>
  <phoneticPr fontId="2"/>
  <dataValidations disablePrompts="1" count="1">
    <dataValidation imeMode="hiragana" allowBlank="1" showInputMessage="1" showErrorMessage="1" sqref="A10"/>
  </dataValidations>
  <printOptions horizontalCentered="1"/>
  <pageMargins left="0.78740157480314965" right="0.78740157480314965" top="0.59055118110236227" bottom="0.59055118110236227" header="0.51181102362204722" footer="0.39370078740157483"/>
  <pageSetup paperSize="9" scale="86" firstPageNumber="48" orientation="portrait" useFirstPageNumber="1" r:id="rId1"/>
  <headerFooter alignWithMargins="0">
    <oddFooter>&amp;C&amp;10- &amp;P -</oddFooter>
  </headerFooter>
  <rowBreaks count="6" manualBreakCount="6">
    <brk id="51" max="33" man="1"/>
    <brk id="93" max="33" man="1"/>
    <brk id="126" max="16383" man="1"/>
    <brk id="165" max="33" man="1"/>
    <brk id="208" max="33" man="1"/>
    <brk id="223" max="3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建設・住宅</vt:lpstr>
      <vt:lpstr>建設・住宅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5-03-17T05:07:21Z</cp:lastPrinted>
  <dcterms:created xsi:type="dcterms:W3CDTF">2006-12-15T04:24:56Z</dcterms:created>
  <dcterms:modified xsi:type="dcterms:W3CDTF">2026-03-21T07:05:27Z</dcterms:modified>
</cp:coreProperties>
</file>